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7"/>
  </p:sldMasterIdLst>
  <p:notesMasterIdLst>
    <p:notesMasterId r:id="rId16"/>
  </p:notesMasterIdLst>
  <p:handoutMasterIdLst>
    <p:handoutMasterId r:id="rId17"/>
  </p:handoutMasterIdLst>
  <p:sldIdLst>
    <p:sldId id="262" r:id="rId8"/>
    <p:sldId id="263" r:id="rId9"/>
    <p:sldId id="265" r:id="rId10"/>
    <p:sldId id="264" r:id="rId11"/>
    <p:sldId id="266" r:id="rId12"/>
    <p:sldId id="267" r:id="rId13"/>
    <p:sldId id="268" r:id="rId14"/>
    <p:sldId id="259" r:id="rId1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EEEAD6E-8E63-4F13-9A30-6BB8C183B054}" v="45" dt="2023-12-11T14:42:20.354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7992" autoAdjust="0"/>
    <p:restoredTop sz="88523" autoAdjust="0"/>
  </p:normalViewPr>
  <p:slideViewPr>
    <p:cSldViewPr snapToGrid="0" showGuides="1">
      <p:cViewPr varScale="1">
        <p:scale>
          <a:sx n="153" d="100"/>
          <a:sy n="153" d="100"/>
        </p:scale>
        <p:origin x="174" y="27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616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10" Type="http://schemas.openxmlformats.org/officeDocument/2006/relationships/slide" Target="slides/slide3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microsoft.com/office/2015/10/relationships/revisionInfo" Target="revisionInfo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9 May 2024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grpSp>
        <p:nvGrpSpPr>
          <p:cNvPr id="6" name="Group 4">
            <a:extLst>
              <a:ext uri="{FF2B5EF4-FFF2-40B4-BE49-F238E27FC236}">
                <a16:creationId xmlns:a16="http://schemas.microsoft.com/office/drawing/2014/main" id="{CC230B9A-95A9-45A0-9457-CEF8EFBFD4DA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5397456" y="358775"/>
            <a:ext cx="955674" cy="155575"/>
            <a:chOff x="6138" y="425"/>
            <a:chExt cx="1075" cy="175"/>
          </a:xfrm>
          <a:solidFill>
            <a:schemeClr val="tx1"/>
          </a:solidFill>
        </p:grpSpPr>
        <p:sp>
          <p:nvSpPr>
            <p:cNvPr id="7" name="Freeform 5">
              <a:extLst>
                <a:ext uri="{FF2B5EF4-FFF2-40B4-BE49-F238E27FC236}">
                  <a16:creationId xmlns:a16="http://schemas.microsoft.com/office/drawing/2014/main" id="{8787B04A-386E-48A6-8B0D-002E07A5F786}"/>
                </a:ext>
              </a:extLst>
            </p:cNvPr>
            <p:cNvSpPr>
              <a:spLocks/>
            </p:cNvSpPr>
            <p:nvPr/>
          </p:nvSpPr>
          <p:spPr bwMode="auto">
            <a:xfrm>
              <a:off x="6214" y="430"/>
              <a:ext cx="183" cy="165"/>
            </a:xfrm>
            <a:custGeom>
              <a:avLst/>
              <a:gdLst>
                <a:gd name="T0" fmla="*/ 140 w 183"/>
                <a:gd name="T1" fmla="*/ 115 h 165"/>
                <a:gd name="T2" fmla="*/ 139 w 183"/>
                <a:gd name="T3" fmla="*/ 115 h 165"/>
                <a:gd name="T4" fmla="*/ 52 w 183"/>
                <a:gd name="T5" fmla="*/ 0 h 165"/>
                <a:gd name="T6" fmla="*/ 0 w 183"/>
                <a:gd name="T7" fmla="*/ 0 h 165"/>
                <a:gd name="T8" fmla="*/ 0 w 183"/>
                <a:gd name="T9" fmla="*/ 165 h 165"/>
                <a:gd name="T10" fmla="*/ 44 w 183"/>
                <a:gd name="T11" fmla="*/ 165 h 165"/>
                <a:gd name="T12" fmla="*/ 44 w 183"/>
                <a:gd name="T13" fmla="*/ 50 h 165"/>
                <a:gd name="T14" fmla="*/ 44 w 183"/>
                <a:gd name="T15" fmla="*/ 50 h 165"/>
                <a:gd name="T16" fmla="*/ 134 w 183"/>
                <a:gd name="T17" fmla="*/ 165 h 165"/>
                <a:gd name="T18" fmla="*/ 183 w 183"/>
                <a:gd name="T19" fmla="*/ 165 h 165"/>
                <a:gd name="T20" fmla="*/ 183 w 183"/>
                <a:gd name="T21" fmla="*/ 0 h 165"/>
                <a:gd name="T22" fmla="*/ 140 w 183"/>
                <a:gd name="T23" fmla="*/ 0 h 165"/>
                <a:gd name="T24" fmla="*/ 140 w 183"/>
                <a:gd name="T25" fmla="*/ 115 h 16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183" h="165">
                  <a:moveTo>
                    <a:pt x="140" y="115"/>
                  </a:moveTo>
                  <a:lnTo>
                    <a:pt x="139" y="115"/>
                  </a:lnTo>
                  <a:lnTo>
                    <a:pt x="52" y="0"/>
                  </a:lnTo>
                  <a:lnTo>
                    <a:pt x="0" y="0"/>
                  </a:lnTo>
                  <a:lnTo>
                    <a:pt x="0" y="165"/>
                  </a:lnTo>
                  <a:lnTo>
                    <a:pt x="44" y="165"/>
                  </a:lnTo>
                  <a:lnTo>
                    <a:pt x="44" y="50"/>
                  </a:lnTo>
                  <a:lnTo>
                    <a:pt x="44" y="50"/>
                  </a:lnTo>
                  <a:lnTo>
                    <a:pt x="134" y="165"/>
                  </a:lnTo>
                  <a:lnTo>
                    <a:pt x="183" y="165"/>
                  </a:lnTo>
                  <a:lnTo>
                    <a:pt x="183" y="0"/>
                  </a:lnTo>
                  <a:lnTo>
                    <a:pt x="140" y="0"/>
                  </a:lnTo>
                  <a:lnTo>
                    <a:pt x="140" y="11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8" name="Freeform 6">
              <a:extLst>
                <a:ext uri="{FF2B5EF4-FFF2-40B4-BE49-F238E27FC236}">
                  <a16:creationId xmlns:a16="http://schemas.microsoft.com/office/drawing/2014/main" id="{76E89C8B-B8E1-4FEF-B152-771A473AD96E}"/>
                </a:ext>
              </a:extLst>
            </p:cNvPr>
            <p:cNvSpPr>
              <a:spLocks/>
            </p:cNvSpPr>
            <p:nvPr/>
          </p:nvSpPr>
          <p:spPr bwMode="auto">
            <a:xfrm>
              <a:off x="6421" y="425"/>
              <a:ext cx="179" cy="175"/>
            </a:xfrm>
            <a:custGeom>
              <a:avLst/>
              <a:gdLst>
                <a:gd name="T0" fmla="*/ 648 w 921"/>
                <a:gd name="T1" fmla="*/ 374 h 899"/>
                <a:gd name="T2" fmla="*/ 358 w 921"/>
                <a:gd name="T3" fmla="*/ 328 h 899"/>
                <a:gd name="T4" fmla="*/ 260 w 921"/>
                <a:gd name="T5" fmla="*/ 248 h 899"/>
                <a:gd name="T6" fmla="*/ 418 w 921"/>
                <a:gd name="T7" fmla="*/ 148 h 899"/>
                <a:gd name="T8" fmla="*/ 631 w 921"/>
                <a:gd name="T9" fmla="*/ 271 h 899"/>
                <a:gd name="T10" fmla="*/ 888 w 921"/>
                <a:gd name="T11" fmla="*/ 271 h 899"/>
                <a:gd name="T12" fmla="*/ 437 w 921"/>
                <a:gd name="T13" fmla="*/ 0 h 899"/>
                <a:gd name="T14" fmla="*/ 15 w 921"/>
                <a:gd name="T15" fmla="*/ 267 h 899"/>
                <a:gd name="T16" fmla="*/ 306 w 921"/>
                <a:gd name="T17" fmla="*/ 508 h 899"/>
                <a:gd name="T18" fmla="*/ 517 w 921"/>
                <a:gd name="T19" fmla="*/ 540 h 899"/>
                <a:gd name="T20" fmla="*/ 661 w 921"/>
                <a:gd name="T21" fmla="*/ 638 h 899"/>
                <a:gd name="T22" fmla="*/ 479 w 921"/>
                <a:gd name="T23" fmla="*/ 744 h 899"/>
                <a:gd name="T24" fmla="*/ 259 w 921"/>
                <a:gd name="T25" fmla="*/ 607 h 899"/>
                <a:gd name="T26" fmla="*/ 0 w 921"/>
                <a:gd name="T27" fmla="*/ 607 h 899"/>
                <a:gd name="T28" fmla="*/ 479 w 921"/>
                <a:gd name="T29" fmla="*/ 899 h 899"/>
                <a:gd name="T30" fmla="*/ 921 w 921"/>
                <a:gd name="T31" fmla="*/ 613 h 899"/>
                <a:gd name="T32" fmla="*/ 648 w 921"/>
                <a:gd name="T33" fmla="*/ 374 h 89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21" h="899">
                  <a:moveTo>
                    <a:pt x="648" y="374"/>
                  </a:moveTo>
                  <a:cubicBezTo>
                    <a:pt x="358" y="328"/>
                    <a:pt x="358" y="328"/>
                    <a:pt x="358" y="328"/>
                  </a:cubicBezTo>
                  <a:cubicBezTo>
                    <a:pt x="299" y="318"/>
                    <a:pt x="260" y="293"/>
                    <a:pt x="260" y="248"/>
                  </a:cubicBezTo>
                  <a:cubicBezTo>
                    <a:pt x="260" y="191"/>
                    <a:pt x="323" y="148"/>
                    <a:pt x="418" y="148"/>
                  </a:cubicBezTo>
                  <a:cubicBezTo>
                    <a:pt x="511" y="148"/>
                    <a:pt x="617" y="160"/>
                    <a:pt x="631" y="271"/>
                  </a:cubicBezTo>
                  <a:cubicBezTo>
                    <a:pt x="888" y="271"/>
                    <a:pt x="888" y="271"/>
                    <a:pt x="888" y="271"/>
                  </a:cubicBezTo>
                  <a:cubicBezTo>
                    <a:pt x="872" y="30"/>
                    <a:pt x="612" y="0"/>
                    <a:pt x="437" y="0"/>
                  </a:cubicBezTo>
                  <a:cubicBezTo>
                    <a:pt x="170" y="0"/>
                    <a:pt x="15" y="78"/>
                    <a:pt x="15" y="267"/>
                  </a:cubicBezTo>
                  <a:cubicBezTo>
                    <a:pt x="15" y="441"/>
                    <a:pt x="158" y="485"/>
                    <a:pt x="306" y="508"/>
                  </a:cubicBezTo>
                  <a:cubicBezTo>
                    <a:pt x="517" y="540"/>
                    <a:pt x="517" y="540"/>
                    <a:pt x="517" y="540"/>
                  </a:cubicBezTo>
                  <a:cubicBezTo>
                    <a:pt x="609" y="554"/>
                    <a:pt x="661" y="572"/>
                    <a:pt x="661" y="638"/>
                  </a:cubicBezTo>
                  <a:cubicBezTo>
                    <a:pt x="661" y="712"/>
                    <a:pt x="587" y="744"/>
                    <a:pt x="479" y="744"/>
                  </a:cubicBezTo>
                  <a:cubicBezTo>
                    <a:pt x="378" y="744"/>
                    <a:pt x="262" y="724"/>
                    <a:pt x="259" y="607"/>
                  </a:cubicBezTo>
                  <a:cubicBezTo>
                    <a:pt x="0" y="607"/>
                    <a:pt x="0" y="607"/>
                    <a:pt x="0" y="607"/>
                  </a:cubicBezTo>
                  <a:cubicBezTo>
                    <a:pt x="2" y="873"/>
                    <a:pt x="271" y="899"/>
                    <a:pt x="479" y="899"/>
                  </a:cubicBezTo>
                  <a:cubicBezTo>
                    <a:pt x="814" y="899"/>
                    <a:pt x="921" y="771"/>
                    <a:pt x="921" y="613"/>
                  </a:cubicBezTo>
                  <a:cubicBezTo>
                    <a:pt x="921" y="458"/>
                    <a:pt x="803" y="399"/>
                    <a:pt x="648" y="3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9" name="Freeform 7">
              <a:extLst>
                <a:ext uri="{FF2B5EF4-FFF2-40B4-BE49-F238E27FC236}">
                  <a16:creationId xmlns:a16="http://schemas.microsoft.com/office/drawing/2014/main" id="{9BF42669-525E-41DE-B6D2-229486921C97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764" y="430"/>
              <a:ext cx="200" cy="165"/>
            </a:xfrm>
            <a:custGeom>
              <a:avLst/>
              <a:gdLst>
                <a:gd name="T0" fmla="*/ 74 w 200"/>
                <a:gd name="T1" fmla="*/ 101 h 165"/>
                <a:gd name="T2" fmla="*/ 100 w 200"/>
                <a:gd name="T3" fmla="*/ 35 h 165"/>
                <a:gd name="T4" fmla="*/ 126 w 200"/>
                <a:gd name="T5" fmla="*/ 101 h 165"/>
                <a:gd name="T6" fmla="*/ 74 w 200"/>
                <a:gd name="T7" fmla="*/ 101 h 165"/>
                <a:gd name="T8" fmla="*/ 73 w 200"/>
                <a:gd name="T9" fmla="*/ 0 h 165"/>
                <a:gd name="T10" fmla="*/ 0 w 200"/>
                <a:gd name="T11" fmla="*/ 165 h 165"/>
                <a:gd name="T12" fmla="*/ 49 w 200"/>
                <a:gd name="T13" fmla="*/ 165 h 165"/>
                <a:gd name="T14" fmla="*/ 62 w 200"/>
                <a:gd name="T15" fmla="*/ 131 h 165"/>
                <a:gd name="T16" fmla="*/ 138 w 200"/>
                <a:gd name="T17" fmla="*/ 131 h 165"/>
                <a:gd name="T18" fmla="*/ 151 w 200"/>
                <a:gd name="T19" fmla="*/ 165 h 165"/>
                <a:gd name="T20" fmla="*/ 200 w 200"/>
                <a:gd name="T21" fmla="*/ 165 h 165"/>
                <a:gd name="T22" fmla="*/ 127 w 200"/>
                <a:gd name="T23" fmla="*/ 0 h 165"/>
                <a:gd name="T24" fmla="*/ 73 w 200"/>
                <a:gd name="T25" fmla="*/ 0 h 16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00" h="165">
                  <a:moveTo>
                    <a:pt x="74" y="101"/>
                  </a:moveTo>
                  <a:lnTo>
                    <a:pt x="100" y="35"/>
                  </a:lnTo>
                  <a:lnTo>
                    <a:pt x="126" y="101"/>
                  </a:lnTo>
                  <a:lnTo>
                    <a:pt x="74" y="101"/>
                  </a:lnTo>
                  <a:close/>
                  <a:moveTo>
                    <a:pt x="73" y="0"/>
                  </a:moveTo>
                  <a:lnTo>
                    <a:pt x="0" y="165"/>
                  </a:lnTo>
                  <a:lnTo>
                    <a:pt x="49" y="165"/>
                  </a:lnTo>
                  <a:lnTo>
                    <a:pt x="62" y="131"/>
                  </a:lnTo>
                  <a:lnTo>
                    <a:pt x="138" y="131"/>
                  </a:lnTo>
                  <a:lnTo>
                    <a:pt x="151" y="165"/>
                  </a:lnTo>
                  <a:lnTo>
                    <a:pt x="200" y="165"/>
                  </a:lnTo>
                  <a:lnTo>
                    <a:pt x="127" y="0"/>
                  </a:lnTo>
                  <a:lnTo>
                    <a:pt x="73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4" name="Freeform 8">
              <a:extLst>
                <a:ext uri="{FF2B5EF4-FFF2-40B4-BE49-F238E27FC236}">
                  <a16:creationId xmlns:a16="http://schemas.microsoft.com/office/drawing/2014/main" id="{556896F1-48C7-4A32-B299-D06C94FBB43E}"/>
                </a:ext>
              </a:extLst>
            </p:cNvPr>
            <p:cNvSpPr>
              <a:spLocks/>
            </p:cNvSpPr>
            <p:nvPr/>
          </p:nvSpPr>
          <p:spPr bwMode="auto">
            <a:xfrm>
              <a:off x="6138" y="430"/>
              <a:ext cx="45" cy="165"/>
            </a:xfrm>
            <a:custGeom>
              <a:avLst/>
              <a:gdLst>
                <a:gd name="T0" fmla="*/ 0 w 231"/>
                <a:gd name="T1" fmla="*/ 217 h 851"/>
                <a:gd name="T2" fmla="*/ 0 w 231"/>
                <a:gd name="T3" fmla="*/ 851 h 851"/>
                <a:gd name="T4" fmla="*/ 231 w 231"/>
                <a:gd name="T5" fmla="*/ 851 h 851"/>
                <a:gd name="T6" fmla="*/ 231 w 231"/>
                <a:gd name="T7" fmla="*/ 0 h 851"/>
                <a:gd name="T8" fmla="*/ 0 w 231"/>
                <a:gd name="T9" fmla="*/ 217 h 8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1" h="851">
                  <a:moveTo>
                    <a:pt x="0" y="217"/>
                  </a:moveTo>
                  <a:cubicBezTo>
                    <a:pt x="0" y="851"/>
                    <a:pt x="0" y="851"/>
                    <a:pt x="0" y="851"/>
                  </a:cubicBezTo>
                  <a:cubicBezTo>
                    <a:pt x="231" y="851"/>
                    <a:pt x="231" y="851"/>
                    <a:pt x="231" y="851"/>
                  </a:cubicBezTo>
                  <a:cubicBezTo>
                    <a:pt x="231" y="0"/>
                    <a:pt x="231" y="0"/>
                    <a:pt x="231" y="0"/>
                  </a:cubicBezTo>
                  <a:cubicBezTo>
                    <a:pt x="105" y="0"/>
                    <a:pt x="2" y="97"/>
                    <a:pt x="0" y="21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5" name="Freeform 9">
              <a:extLst>
                <a:ext uri="{FF2B5EF4-FFF2-40B4-BE49-F238E27FC236}">
                  <a16:creationId xmlns:a16="http://schemas.microsoft.com/office/drawing/2014/main" id="{504D9640-C892-4DA7-9D49-193103510B43}"/>
                </a:ext>
              </a:extLst>
            </p:cNvPr>
            <p:cNvSpPr>
              <a:spLocks/>
            </p:cNvSpPr>
            <p:nvPr/>
          </p:nvSpPr>
          <p:spPr bwMode="auto">
            <a:xfrm>
              <a:off x="7168" y="430"/>
              <a:ext cx="45" cy="165"/>
            </a:xfrm>
            <a:custGeom>
              <a:avLst/>
              <a:gdLst>
                <a:gd name="T0" fmla="*/ 0 w 231"/>
                <a:gd name="T1" fmla="*/ 0 h 851"/>
                <a:gd name="T2" fmla="*/ 0 w 231"/>
                <a:gd name="T3" fmla="*/ 851 h 851"/>
                <a:gd name="T4" fmla="*/ 231 w 231"/>
                <a:gd name="T5" fmla="*/ 651 h 851"/>
                <a:gd name="T6" fmla="*/ 231 w 231"/>
                <a:gd name="T7" fmla="*/ 0 h 851"/>
                <a:gd name="T8" fmla="*/ 0 w 231"/>
                <a:gd name="T9" fmla="*/ 0 h 8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1" h="851">
                  <a:moveTo>
                    <a:pt x="0" y="0"/>
                  </a:moveTo>
                  <a:cubicBezTo>
                    <a:pt x="0" y="851"/>
                    <a:pt x="0" y="851"/>
                    <a:pt x="0" y="851"/>
                  </a:cubicBezTo>
                  <a:cubicBezTo>
                    <a:pt x="126" y="851"/>
                    <a:pt x="229" y="772"/>
                    <a:pt x="231" y="651"/>
                  </a:cubicBezTo>
                  <a:cubicBezTo>
                    <a:pt x="231" y="0"/>
                    <a:pt x="231" y="0"/>
                    <a:pt x="231" y="0"/>
                  </a:cubicBez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6" name="Freeform 10">
              <a:extLst>
                <a:ext uri="{FF2B5EF4-FFF2-40B4-BE49-F238E27FC236}">
                  <a16:creationId xmlns:a16="http://schemas.microsoft.com/office/drawing/2014/main" id="{B8B3AC7B-B264-4D50-8E82-25E50A1CB6A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24" y="430"/>
              <a:ext cx="164" cy="165"/>
            </a:xfrm>
            <a:custGeom>
              <a:avLst/>
              <a:gdLst>
                <a:gd name="T0" fmla="*/ 452 w 845"/>
                <a:gd name="T1" fmla="*/ 392 h 851"/>
                <a:gd name="T2" fmla="*/ 231 w 845"/>
                <a:gd name="T3" fmla="*/ 392 h 851"/>
                <a:gd name="T4" fmla="*/ 231 w 845"/>
                <a:gd name="T5" fmla="*/ 155 h 851"/>
                <a:gd name="T6" fmla="*/ 474 w 845"/>
                <a:gd name="T7" fmla="*/ 155 h 851"/>
                <a:gd name="T8" fmla="*/ 607 w 845"/>
                <a:gd name="T9" fmla="*/ 275 h 851"/>
                <a:gd name="T10" fmla="*/ 452 w 845"/>
                <a:gd name="T11" fmla="*/ 392 h 851"/>
                <a:gd name="T12" fmla="*/ 545 w 845"/>
                <a:gd name="T13" fmla="*/ 0 h 851"/>
                <a:gd name="T14" fmla="*/ 0 w 845"/>
                <a:gd name="T15" fmla="*/ 0 h 851"/>
                <a:gd name="T16" fmla="*/ 0 w 845"/>
                <a:gd name="T17" fmla="*/ 851 h 851"/>
                <a:gd name="T18" fmla="*/ 231 w 845"/>
                <a:gd name="T19" fmla="*/ 851 h 851"/>
                <a:gd name="T20" fmla="*/ 231 w 845"/>
                <a:gd name="T21" fmla="*/ 547 h 851"/>
                <a:gd name="T22" fmla="*/ 563 w 845"/>
                <a:gd name="T23" fmla="*/ 547 h 851"/>
                <a:gd name="T24" fmla="*/ 845 w 845"/>
                <a:gd name="T25" fmla="*/ 259 h 851"/>
                <a:gd name="T26" fmla="*/ 545 w 845"/>
                <a:gd name="T27" fmla="*/ 0 h 8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845" h="851">
                  <a:moveTo>
                    <a:pt x="452" y="392"/>
                  </a:moveTo>
                  <a:cubicBezTo>
                    <a:pt x="231" y="392"/>
                    <a:pt x="231" y="392"/>
                    <a:pt x="231" y="392"/>
                  </a:cubicBezTo>
                  <a:cubicBezTo>
                    <a:pt x="231" y="155"/>
                    <a:pt x="231" y="155"/>
                    <a:pt x="231" y="155"/>
                  </a:cubicBezTo>
                  <a:cubicBezTo>
                    <a:pt x="474" y="155"/>
                    <a:pt x="474" y="155"/>
                    <a:pt x="474" y="155"/>
                  </a:cubicBezTo>
                  <a:cubicBezTo>
                    <a:pt x="539" y="155"/>
                    <a:pt x="607" y="164"/>
                    <a:pt x="607" y="275"/>
                  </a:cubicBezTo>
                  <a:cubicBezTo>
                    <a:pt x="607" y="390"/>
                    <a:pt x="524" y="392"/>
                    <a:pt x="452" y="392"/>
                  </a:cubicBezTo>
                  <a:moveTo>
                    <a:pt x="545" y="0"/>
                  </a:moveTo>
                  <a:cubicBezTo>
                    <a:pt x="0" y="0"/>
                    <a:pt x="0" y="0"/>
                    <a:pt x="0" y="0"/>
                  </a:cubicBezTo>
                  <a:cubicBezTo>
                    <a:pt x="0" y="851"/>
                    <a:pt x="0" y="851"/>
                    <a:pt x="0" y="851"/>
                  </a:cubicBezTo>
                  <a:cubicBezTo>
                    <a:pt x="231" y="851"/>
                    <a:pt x="231" y="851"/>
                    <a:pt x="231" y="851"/>
                  </a:cubicBezTo>
                  <a:cubicBezTo>
                    <a:pt x="231" y="547"/>
                    <a:pt x="231" y="547"/>
                    <a:pt x="231" y="547"/>
                  </a:cubicBezTo>
                  <a:cubicBezTo>
                    <a:pt x="563" y="547"/>
                    <a:pt x="563" y="547"/>
                    <a:pt x="563" y="547"/>
                  </a:cubicBezTo>
                  <a:cubicBezTo>
                    <a:pt x="750" y="547"/>
                    <a:pt x="845" y="440"/>
                    <a:pt x="845" y="259"/>
                  </a:cubicBezTo>
                  <a:cubicBezTo>
                    <a:pt x="845" y="144"/>
                    <a:pt x="787" y="0"/>
                    <a:pt x="545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FBA8DE2E-9C6A-4597-A8A5-341CF0873456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976" y="430"/>
              <a:ext cx="165" cy="165"/>
            </a:xfrm>
            <a:custGeom>
              <a:avLst/>
              <a:gdLst>
                <a:gd name="T0" fmla="*/ 511 w 850"/>
                <a:gd name="T1" fmla="*/ 377 h 851"/>
                <a:gd name="T2" fmla="*/ 231 w 850"/>
                <a:gd name="T3" fmla="*/ 377 h 851"/>
                <a:gd name="T4" fmla="*/ 231 w 850"/>
                <a:gd name="T5" fmla="*/ 162 h 851"/>
                <a:gd name="T6" fmla="*/ 499 w 850"/>
                <a:gd name="T7" fmla="*/ 162 h 851"/>
                <a:gd name="T8" fmla="*/ 604 w 850"/>
                <a:gd name="T9" fmla="*/ 268 h 851"/>
                <a:gd name="T10" fmla="*/ 511 w 850"/>
                <a:gd name="T11" fmla="*/ 377 h 851"/>
                <a:gd name="T12" fmla="*/ 729 w 850"/>
                <a:gd name="T13" fmla="*/ 439 h 851"/>
                <a:gd name="T14" fmla="*/ 729 w 850"/>
                <a:gd name="T15" fmla="*/ 436 h 851"/>
                <a:gd name="T16" fmla="*/ 850 w 850"/>
                <a:gd name="T17" fmla="*/ 231 h 851"/>
                <a:gd name="T18" fmla="*/ 574 w 850"/>
                <a:gd name="T19" fmla="*/ 0 h 851"/>
                <a:gd name="T20" fmla="*/ 0 w 850"/>
                <a:gd name="T21" fmla="*/ 0 h 851"/>
                <a:gd name="T22" fmla="*/ 0 w 850"/>
                <a:gd name="T23" fmla="*/ 851 h 851"/>
                <a:gd name="T24" fmla="*/ 231 w 850"/>
                <a:gd name="T25" fmla="*/ 851 h 851"/>
                <a:gd name="T26" fmla="*/ 231 w 850"/>
                <a:gd name="T27" fmla="*/ 539 h 851"/>
                <a:gd name="T28" fmla="*/ 492 w 850"/>
                <a:gd name="T29" fmla="*/ 539 h 851"/>
                <a:gd name="T30" fmla="*/ 606 w 850"/>
                <a:gd name="T31" fmla="*/ 688 h 851"/>
                <a:gd name="T32" fmla="*/ 606 w 850"/>
                <a:gd name="T33" fmla="*/ 851 h 851"/>
                <a:gd name="T34" fmla="*/ 837 w 850"/>
                <a:gd name="T35" fmla="*/ 851 h 851"/>
                <a:gd name="T36" fmla="*/ 837 w 850"/>
                <a:gd name="T37" fmla="*/ 666 h 851"/>
                <a:gd name="T38" fmla="*/ 729 w 850"/>
                <a:gd name="T39" fmla="*/ 439 h 8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850" h="851">
                  <a:moveTo>
                    <a:pt x="511" y="377"/>
                  </a:moveTo>
                  <a:cubicBezTo>
                    <a:pt x="231" y="377"/>
                    <a:pt x="231" y="377"/>
                    <a:pt x="231" y="377"/>
                  </a:cubicBezTo>
                  <a:cubicBezTo>
                    <a:pt x="231" y="162"/>
                    <a:pt x="231" y="162"/>
                    <a:pt x="231" y="162"/>
                  </a:cubicBezTo>
                  <a:cubicBezTo>
                    <a:pt x="499" y="162"/>
                    <a:pt x="499" y="162"/>
                    <a:pt x="499" y="162"/>
                  </a:cubicBezTo>
                  <a:cubicBezTo>
                    <a:pt x="555" y="162"/>
                    <a:pt x="604" y="184"/>
                    <a:pt x="604" y="268"/>
                  </a:cubicBezTo>
                  <a:cubicBezTo>
                    <a:pt x="604" y="348"/>
                    <a:pt x="562" y="377"/>
                    <a:pt x="511" y="377"/>
                  </a:cubicBezTo>
                  <a:moveTo>
                    <a:pt x="729" y="439"/>
                  </a:moveTo>
                  <a:cubicBezTo>
                    <a:pt x="729" y="436"/>
                    <a:pt x="729" y="436"/>
                    <a:pt x="729" y="436"/>
                  </a:cubicBezTo>
                  <a:cubicBezTo>
                    <a:pt x="825" y="402"/>
                    <a:pt x="850" y="335"/>
                    <a:pt x="850" y="231"/>
                  </a:cubicBezTo>
                  <a:cubicBezTo>
                    <a:pt x="850" y="144"/>
                    <a:pt x="791" y="0"/>
                    <a:pt x="574" y="0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0" y="851"/>
                    <a:pt x="0" y="851"/>
                    <a:pt x="0" y="851"/>
                  </a:cubicBezTo>
                  <a:cubicBezTo>
                    <a:pt x="231" y="851"/>
                    <a:pt x="231" y="851"/>
                    <a:pt x="231" y="851"/>
                  </a:cubicBezTo>
                  <a:cubicBezTo>
                    <a:pt x="231" y="539"/>
                    <a:pt x="231" y="539"/>
                    <a:pt x="231" y="539"/>
                  </a:cubicBezTo>
                  <a:cubicBezTo>
                    <a:pt x="492" y="539"/>
                    <a:pt x="492" y="539"/>
                    <a:pt x="492" y="539"/>
                  </a:cubicBezTo>
                  <a:cubicBezTo>
                    <a:pt x="575" y="539"/>
                    <a:pt x="606" y="569"/>
                    <a:pt x="606" y="688"/>
                  </a:cubicBezTo>
                  <a:cubicBezTo>
                    <a:pt x="606" y="851"/>
                    <a:pt x="606" y="851"/>
                    <a:pt x="606" y="851"/>
                  </a:cubicBezTo>
                  <a:cubicBezTo>
                    <a:pt x="837" y="851"/>
                    <a:pt x="837" y="851"/>
                    <a:pt x="837" y="851"/>
                  </a:cubicBezTo>
                  <a:cubicBezTo>
                    <a:pt x="837" y="666"/>
                    <a:pt x="837" y="666"/>
                    <a:pt x="837" y="666"/>
                  </a:cubicBezTo>
                  <a:cubicBezTo>
                    <a:pt x="837" y="583"/>
                    <a:pt x="830" y="454"/>
                    <a:pt x="729" y="43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9 May 2024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grpSp>
        <p:nvGrpSpPr>
          <p:cNvPr id="8" name="Group 4">
            <a:extLst>
              <a:ext uri="{FF2B5EF4-FFF2-40B4-BE49-F238E27FC236}">
                <a16:creationId xmlns:a16="http://schemas.microsoft.com/office/drawing/2014/main" id="{0EA858E6-38E1-4650-BC36-38385ED23AE6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5542326" y="358775"/>
            <a:ext cx="955674" cy="155575"/>
            <a:chOff x="6138" y="425"/>
            <a:chExt cx="1075" cy="175"/>
          </a:xfrm>
          <a:solidFill>
            <a:schemeClr val="tx1"/>
          </a:solidFill>
        </p:grpSpPr>
        <p:sp>
          <p:nvSpPr>
            <p:cNvPr id="9" name="Freeform 5">
              <a:extLst>
                <a:ext uri="{FF2B5EF4-FFF2-40B4-BE49-F238E27FC236}">
                  <a16:creationId xmlns:a16="http://schemas.microsoft.com/office/drawing/2014/main" id="{0E7217AC-C1AE-4811-B2B1-C502C91001AF}"/>
                </a:ext>
              </a:extLst>
            </p:cNvPr>
            <p:cNvSpPr>
              <a:spLocks/>
            </p:cNvSpPr>
            <p:nvPr/>
          </p:nvSpPr>
          <p:spPr bwMode="auto">
            <a:xfrm>
              <a:off x="6214" y="430"/>
              <a:ext cx="183" cy="165"/>
            </a:xfrm>
            <a:custGeom>
              <a:avLst/>
              <a:gdLst>
                <a:gd name="T0" fmla="*/ 140 w 183"/>
                <a:gd name="T1" fmla="*/ 115 h 165"/>
                <a:gd name="T2" fmla="*/ 139 w 183"/>
                <a:gd name="T3" fmla="*/ 115 h 165"/>
                <a:gd name="T4" fmla="*/ 52 w 183"/>
                <a:gd name="T5" fmla="*/ 0 h 165"/>
                <a:gd name="T6" fmla="*/ 0 w 183"/>
                <a:gd name="T7" fmla="*/ 0 h 165"/>
                <a:gd name="T8" fmla="*/ 0 w 183"/>
                <a:gd name="T9" fmla="*/ 165 h 165"/>
                <a:gd name="T10" fmla="*/ 44 w 183"/>
                <a:gd name="T11" fmla="*/ 165 h 165"/>
                <a:gd name="T12" fmla="*/ 44 w 183"/>
                <a:gd name="T13" fmla="*/ 50 h 165"/>
                <a:gd name="T14" fmla="*/ 44 w 183"/>
                <a:gd name="T15" fmla="*/ 50 h 165"/>
                <a:gd name="T16" fmla="*/ 134 w 183"/>
                <a:gd name="T17" fmla="*/ 165 h 165"/>
                <a:gd name="T18" fmla="*/ 183 w 183"/>
                <a:gd name="T19" fmla="*/ 165 h 165"/>
                <a:gd name="T20" fmla="*/ 183 w 183"/>
                <a:gd name="T21" fmla="*/ 0 h 165"/>
                <a:gd name="T22" fmla="*/ 140 w 183"/>
                <a:gd name="T23" fmla="*/ 0 h 165"/>
                <a:gd name="T24" fmla="*/ 140 w 183"/>
                <a:gd name="T25" fmla="*/ 115 h 16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183" h="165">
                  <a:moveTo>
                    <a:pt x="140" y="115"/>
                  </a:moveTo>
                  <a:lnTo>
                    <a:pt x="139" y="115"/>
                  </a:lnTo>
                  <a:lnTo>
                    <a:pt x="52" y="0"/>
                  </a:lnTo>
                  <a:lnTo>
                    <a:pt x="0" y="0"/>
                  </a:lnTo>
                  <a:lnTo>
                    <a:pt x="0" y="165"/>
                  </a:lnTo>
                  <a:lnTo>
                    <a:pt x="44" y="165"/>
                  </a:lnTo>
                  <a:lnTo>
                    <a:pt x="44" y="50"/>
                  </a:lnTo>
                  <a:lnTo>
                    <a:pt x="44" y="50"/>
                  </a:lnTo>
                  <a:lnTo>
                    <a:pt x="134" y="165"/>
                  </a:lnTo>
                  <a:lnTo>
                    <a:pt x="183" y="165"/>
                  </a:lnTo>
                  <a:lnTo>
                    <a:pt x="183" y="0"/>
                  </a:lnTo>
                  <a:lnTo>
                    <a:pt x="140" y="0"/>
                  </a:lnTo>
                  <a:lnTo>
                    <a:pt x="140" y="11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Freeform 6">
              <a:extLst>
                <a:ext uri="{FF2B5EF4-FFF2-40B4-BE49-F238E27FC236}">
                  <a16:creationId xmlns:a16="http://schemas.microsoft.com/office/drawing/2014/main" id="{027B872C-2E1B-4D53-8548-93313D958030}"/>
                </a:ext>
              </a:extLst>
            </p:cNvPr>
            <p:cNvSpPr>
              <a:spLocks/>
            </p:cNvSpPr>
            <p:nvPr/>
          </p:nvSpPr>
          <p:spPr bwMode="auto">
            <a:xfrm>
              <a:off x="6421" y="425"/>
              <a:ext cx="179" cy="175"/>
            </a:xfrm>
            <a:custGeom>
              <a:avLst/>
              <a:gdLst>
                <a:gd name="T0" fmla="*/ 648 w 921"/>
                <a:gd name="T1" fmla="*/ 374 h 899"/>
                <a:gd name="T2" fmla="*/ 358 w 921"/>
                <a:gd name="T3" fmla="*/ 328 h 899"/>
                <a:gd name="T4" fmla="*/ 260 w 921"/>
                <a:gd name="T5" fmla="*/ 248 h 899"/>
                <a:gd name="T6" fmla="*/ 418 w 921"/>
                <a:gd name="T7" fmla="*/ 148 h 899"/>
                <a:gd name="T8" fmla="*/ 631 w 921"/>
                <a:gd name="T9" fmla="*/ 271 h 899"/>
                <a:gd name="T10" fmla="*/ 888 w 921"/>
                <a:gd name="T11" fmla="*/ 271 h 899"/>
                <a:gd name="T12" fmla="*/ 437 w 921"/>
                <a:gd name="T13" fmla="*/ 0 h 899"/>
                <a:gd name="T14" fmla="*/ 15 w 921"/>
                <a:gd name="T15" fmla="*/ 267 h 899"/>
                <a:gd name="T16" fmla="*/ 306 w 921"/>
                <a:gd name="T17" fmla="*/ 508 h 899"/>
                <a:gd name="T18" fmla="*/ 517 w 921"/>
                <a:gd name="T19" fmla="*/ 540 h 899"/>
                <a:gd name="T20" fmla="*/ 661 w 921"/>
                <a:gd name="T21" fmla="*/ 638 h 899"/>
                <a:gd name="T22" fmla="*/ 479 w 921"/>
                <a:gd name="T23" fmla="*/ 744 h 899"/>
                <a:gd name="T24" fmla="*/ 259 w 921"/>
                <a:gd name="T25" fmla="*/ 607 h 899"/>
                <a:gd name="T26" fmla="*/ 0 w 921"/>
                <a:gd name="T27" fmla="*/ 607 h 899"/>
                <a:gd name="T28" fmla="*/ 479 w 921"/>
                <a:gd name="T29" fmla="*/ 899 h 899"/>
                <a:gd name="T30" fmla="*/ 921 w 921"/>
                <a:gd name="T31" fmla="*/ 613 h 899"/>
                <a:gd name="T32" fmla="*/ 648 w 921"/>
                <a:gd name="T33" fmla="*/ 374 h 89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21" h="899">
                  <a:moveTo>
                    <a:pt x="648" y="374"/>
                  </a:moveTo>
                  <a:cubicBezTo>
                    <a:pt x="358" y="328"/>
                    <a:pt x="358" y="328"/>
                    <a:pt x="358" y="328"/>
                  </a:cubicBezTo>
                  <a:cubicBezTo>
                    <a:pt x="299" y="318"/>
                    <a:pt x="260" y="293"/>
                    <a:pt x="260" y="248"/>
                  </a:cubicBezTo>
                  <a:cubicBezTo>
                    <a:pt x="260" y="191"/>
                    <a:pt x="323" y="148"/>
                    <a:pt x="418" y="148"/>
                  </a:cubicBezTo>
                  <a:cubicBezTo>
                    <a:pt x="511" y="148"/>
                    <a:pt x="617" y="160"/>
                    <a:pt x="631" y="271"/>
                  </a:cubicBezTo>
                  <a:cubicBezTo>
                    <a:pt x="888" y="271"/>
                    <a:pt x="888" y="271"/>
                    <a:pt x="888" y="271"/>
                  </a:cubicBezTo>
                  <a:cubicBezTo>
                    <a:pt x="872" y="30"/>
                    <a:pt x="612" y="0"/>
                    <a:pt x="437" y="0"/>
                  </a:cubicBezTo>
                  <a:cubicBezTo>
                    <a:pt x="170" y="0"/>
                    <a:pt x="15" y="78"/>
                    <a:pt x="15" y="267"/>
                  </a:cubicBezTo>
                  <a:cubicBezTo>
                    <a:pt x="15" y="441"/>
                    <a:pt x="158" y="485"/>
                    <a:pt x="306" y="508"/>
                  </a:cubicBezTo>
                  <a:cubicBezTo>
                    <a:pt x="517" y="540"/>
                    <a:pt x="517" y="540"/>
                    <a:pt x="517" y="540"/>
                  </a:cubicBezTo>
                  <a:cubicBezTo>
                    <a:pt x="609" y="554"/>
                    <a:pt x="661" y="572"/>
                    <a:pt x="661" y="638"/>
                  </a:cubicBezTo>
                  <a:cubicBezTo>
                    <a:pt x="661" y="712"/>
                    <a:pt x="587" y="744"/>
                    <a:pt x="479" y="744"/>
                  </a:cubicBezTo>
                  <a:cubicBezTo>
                    <a:pt x="378" y="744"/>
                    <a:pt x="262" y="724"/>
                    <a:pt x="259" y="607"/>
                  </a:cubicBezTo>
                  <a:cubicBezTo>
                    <a:pt x="0" y="607"/>
                    <a:pt x="0" y="607"/>
                    <a:pt x="0" y="607"/>
                  </a:cubicBezTo>
                  <a:cubicBezTo>
                    <a:pt x="2" y="873"/>
                    <a:pt x="271" y="899"/>
                    <a:pt x="479" y="899"/>
                  </a:cubicBezTo>
                  <a:cubicBezTo>
                    <a:pt x="814" y="899"/>
                    <a:pt x="921" y="771"/>
                    <a:pt x="921" y="613"/>
                  </a:cubicBezTo>
                  <a:cubicBezTo>
                    <a:pt x="921" y="458"/>
                    <a:pt x="803" y="399"/>
                    <a:pt x="648" y="3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reeform 7">
              <a:extLst>
                <a:ext uri="{FF2B5EF4-FFF2-40B4-BE49-F238E27FC236}">
                  <a16:creationId xmlns:a16="http://schemas.microsoft.com/office/drawing/2014/main" id="{D68AEBA7-3883-4591-ADA2-9FD04CC8344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764" y="430"/>
              <a:ext cx="200" cy="165"/>
            </a:xfrm>
            <a:custGeom>
              <a:avLst/>
              <a:gdLst>
                <a:gd name="T0" fmla="*/ 74 w 200"/>
                <a:gd name="T1" fmla="*/ 101 h 165"/>
                <a:gd name="T2" fmla="*/ 100 w 200"/>
                <a:gd name="T3" fmla="*/ 35 h 165"/>
                <a:gd name="T4" fmla="*/ 126 w 200"/>
                <a:gd name="T5" fmla="*/ 101 h 165"/>
                <a:gd name="T6" fmla="*/ 74 w 200"/>
                <a:gd name="T7" fmla="*/ 101 h 165"/>
                <a:gd name="T8" fmla="*/ 73 w 200"/>
                <a:gd name="T9" fmla="*/ 0 h 165"/>
                <a:gd name="T10" fmla="*/ 0 w 200"/>
                <a:gd name="T11" fmla="*/ 165 h 165"/>
                <a:gd name="T12" fmla="*/ 49 w 200"/>
                <a:gd name="T13" fmla="*/ 165 h 165"/>
                <a:gd name="T14" fmla="*/ 62 w 200"/>
                <a:gd name="T15" fmla="*/ 131 h 165"/>
                <a:gd name="T16" fmla="*/ 138 w 200"/>
                <a:gd name="T17" fmla="*/ 131 h 165"/>
                <a:gd name="T18" fmla="*/ 151 w 200"/>
                <a:gd name="T19" fmla="*/ 165 h 165"/>
                <a:gd name="T20" fmla="*/ 200 w 200"/>
                <a:gd name="T21" fmla="*/ 165 h 165"/>
                <a:gd name="T22" fmla="*/ 127 w 200"/>
                <a:gd name="T23" fmla="*/ 0 h 165"/>
                <a:gd name="T24" fmla="*/ 73 w 200"/>
                <a:gd name="T25" fmla="*/ 0 h 16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00" h="165">
                  <a:moveTo>
                    <a:pt x="74" y="101"/>
                  </a:moveTo>
                  <a:lnTo>
                    <a:pt x="100" y="35"/>
                  </a:lnTo>
                  <a:lnTo>
                    <a:pt x="126" y="101"/>
                  </a:lnTo>
                  <a:lnTo>
                    <a:pt x="74" y="101"/>
                  </a:lnTo>
                  <a:close/>
                  <a:moveTo>
                    <a:pt x="73" y="0"/>
                  </a:moveTo>
                  <a:lnTo>
                    <a:pt x="0" y="165"/>
                  </a:lnTo>
                  <a:lnTo>
                    <a:pt x="49" y="165"/>
                  </a:lnTo>
                  <a:lnTo>
                    <a:pt x="62" y="131"/>
                  </a:lnTo>
                  <a:lnTo>
                    <a:pt x="138" y="131"/>
                  </a:lnTo>
                  <a:lnTo>
                    <a:pt x="151" y="165"/>
                  </a:lnTo>
                  <a:lnTo>
                    <a:pt x="200" y="165"/>
                  </a:lnTo>
                  <a:lnTo>
                    <a:pt x="127" y="0"/>
                  </a:lnTo>
                  <a:lnTo>
                    <a:pt x="73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2" name="Freeform 8">
              <a:extLst>
                <a:ext uri="{FF2B5EF4-FFF2-40B4-BE49-F238E27FC236}">
                  <a16:creationId xmlns:a16="http://schemas.microsoft.com/office/drawing/2014/main" id="{9600EC62-BA22-4082-B2BA-665341AFD725}"/>
                </a:ext>
              </a:extLst>
            </p:cNvPr>
            <p:cNvSpPr>
              <a:spLocks/>
            </p:cNvSpPr>
            <p:nvPr/>
          </p:nvSpPr>
          <p:spPr bwMode="auto">
            <a:xfrm>
              <a:off x="6138" y="430"/>
              <a:ext cx="45" cy="165"/>
            </a:xfrm>
            <a:custGeom>
              <a:avLst/>
              <a:gdLst>
                <a:gd name="T0" fmla="*/ 0 w 231"/>
                <a:gd name="T1" fmla="*/ 217 h 851"/>
                <a:gd name="T2" fmla="*/ 0 w 231"/>
                <a:gd name="T3" fmla="*/ 851 h 851"/>
                <a:gd name="T4" fmla="*/ 231 w 231"/>
                <a:gd name="T5" fmla="*/ 851 h 851"/>
                <a:gd name="T6" fmla="*/ 231 w 231"/>
                <a:gd name="T7" fmla="*/ 0 h 851"/>
                <a:gd name="T8" fmla="*/ 0 w 231"/>
                <a:gd name="T9" fmla="*/ 217 h 8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1" h="851">
                  <a:moveTo>
                    <a:pt x="0" y="217"/>
                  </a:moveTo>
                  <a:cubicBezTo>
                    <a:pt x="0" y="851"/>
                    <a:pt x="0" y="851"/>
                    <a:pt x="0" y="851"/>
                  </a:cubicBezTo>
                  <a:cubicBezTo>
                    <a:pt x="231" y="851"/>
                    <a:pt x="231" y="851"/>
                    <a:pt x="231" y="851"/>
                  </a:cubicBezTo>
                  <a:cubicBezTo>
                    <a:pt x="231" y="0"/>
                    <a:pt x="231" y="0"/>
                    <a:pt x="231" y="0"/>
                  </a:cubicBezTo>
                  <a:cubicBezTo>
                    <a:pt x="105" y="0"/>
                    <a:pt x="2" y="97"/>
                    <a:pt x="0" y="21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3" name="Freeform 9">
              <a:extLst>
                <a:ext uri="{FF2B5EF4-FFF2-40B4-BE49-F238E27FC236}">
                  <a16:creationId xmlns:a16="http://schemas.microsoft.com/office/drawing/2014/main" id="{7DA97EC5-C59E-41B2-8EC0-A772CC2B44FA}"/>
                </a:ext>
              </a:extLst>
            </p:cNvPr>
            <p:cNvSpPr>
              <a:spLocks/>
            </p:cNvSpPr>
            <p:nvPr/>
          </p:nvSpPr>
          <p:spPr bwMode="auto">
            <a:xfrm>
              <a:off x="7168" y="430"/>
              <a:ext cx="45" cy="165"/>
            </a:xfrm>
            <a:custGeom>
              <a:avLst/>
              <a:gdLst>
                <a:gd name="T0" fmla="*/ 0 w 231"/>
                <a:gd name="T1" fmla="*/ 0 h 851"/>
                <a:gd name="T2" fmla="*/ 0 w 231"/>
                <a:gd name="T3" fmla="*/ 851 h 851"/>
                <a:gd name="T4" fmla="*/ 231 w 231"/>
                <a:gd name="T5" fmla="*/ 651 h 851"/>
                <a:gd name="T6" fmla="*/ 231 w 231"/>
                <a:gd name="T7" fmla="*/ 0 h 851"/>
                <a:gd name="T8" fmla="*/ 0 w 231"/>
                <a:gd name="T9" fmla="*/ 0 h 8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1" h="851">
                  <a:moveTo>
                    <a:pt x="0" y="0"/>
                  </a:moveTo>
                  <a:cubicBezTo>
                    <a:pt x="0" y="851"/>
                    <a:pt x="0" y="851"/>
                    <a:pt x="0" y="851"/>
                  </a:cubicBezTo>
                  <a:cubicBezTo>
                    <a:pt x="126" y="851"/>
                    <a:pt x="229" y="772"/>
                    <a:pt x="231" y="651"/>
                  </a:cubicBezTo>
                  <a:cubicBezTo>
                    <a:pt x="231" y="0"/>
                    <a:pt x="231" y="0"/>
                    <a:pt x="231" y="0"/>
                  </a:cubicBez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6" name="Freeform 10">
              <a:extLst>
                <a:ext uri="{FF2B5EF4-FFF2-40B4-BE49-F238E27FC236}">
                  <a16:creationId xmlns:a16="http://schemas.microsoft.com/office/drawing/2014/main" id="{EAE8ED37-1BF4-4B12-AA8F-3708E9BB0C02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624" y="430"/>
              <a:ext cx="164" cy="165"/>
            </a:xfrm>
            <a:custGeom>
              <a:avLst/>
              <a:gdLst>
                <a:gd name="T0" fmla="*/ 452 w 845"/>
                <a:gd name="T1" fmla="*/ 392 h 851"/>
                <a:gd name="T2" fmla="*/ 231 w 845"/>
                <a:gd name="T3" fmla="*/ 392 h 851"/>
                <a:gd name="T4" fmla="*/ 231 w 845"/>
                <a:gd name="T5" fmla="*/ 155 h 851"/>
                <a:gd name="T6" fmla="*/ 474 w 845"/>
                <a:gd name="T7" fmla="*/ 155 h 851"/>
                <a:gd name="T8" fmla="*/ 607 w 845"/>
                <a:gd name="T9" fmla="*/ 275 h 851"/>
                <a:gd name="T10" fmla="*/ 452 w 845"/>
                <a:gd name="T11" fmla="*/ 392 h 851"/>
                <a:gd name="T12" fmla="*/ 545 w 845"/>
                <a:gd name="T13" fmla="*/ 0 h 851"/>
                <a:gd name="T14" fmla="*/ 0 w 845"/>
                <a:gd name="T15" fmla="*/ 0 h 851"/>
                <a:gd name="T16" fmla="*/ 0 w 845"/>
                <a:gd name="T17" fmla="*/ 851 h 851"/>
                <a:gd name="T18" fmla="*/ 231 w 845"/>
                <a:gd name="T19" fmla="*/ 851 h 851"/>
                <a:gd name="T20" fmla="*/ 231 w 845"/>
                <a:gd name="T21" fmla="*/ 547 h 851"/>
                <a:gd name="T22" fmla="*/ 563 w 845"/>
                <a:gd name="T23" fmla="*/ 547 h 851"/>
                <a:gd name="T24" fmla="*/ 845 w 845"/>
                <a:gd name="T25" fmla="*/ 259 h 851"/>
                <a:gd name="T26" fmla="*/ 545 w 845"/>
                <a:gd name="T27" fmla="*/ 0 h 8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845" h="851">
                  <a:moveTo>
                    <a:pt x="452" y="392"/>
                  </a:moveTo>
                  <a:cubicBezTo>
                    <a:pt x="231" y="392"/>
                    <a:pt x="231" y="392"/>
                    <a:pt x="231" y="392"/>
                  </a:cubicBezTo>
                  <a:cubicBezTo>
                    <a:pt x="231" y="155"/>
                    <a:pt x="231" y="155"/>
                    <a:pt x="231" y="155"/>
                  </a:cubicBezTo>
                  <a:cubicBezTo>
                    <a:pt x="474" y="155"/>
                    <a:pt x="474" y="155"/>
                    <a:pt x="474" y="155"/>
                  </a:cubicBezTo>
                  <a:cubicBezTo>
                    <a:pt x="539" y="155"/>
                    <a:pt x="607" y="164"/>
                    <a:pt x="607" y="275"/>
                  </a:cubicBezTo>
                  <a:cubicBezTo>
                    <a:pt x="607" y="390"/>
                    <a:pt x="524" y="392"/>
                    <a:pt x="452" y="392"/>
                  </a:cubicBezTo>
                  <a:moveTo>
                    <a:pt x="545" y="0"/>
                  </a:moveTo>
                  <a:cubicBezTo>
                    <a:pt x="0" y="0"/>
                    <a:pt x="0" y="0"/>
                    <a:pt x="0" y="0"/>
                  </a:cubicBezTo>
                  <a:cubicBezTo>
                    <a:pt x="0" y="851"/>
                    <a:pt x="0" y="851"/>
                    <a:pt x="0" y="851"/>
                  </a:cubicBezTo>
                  <a:cubicBezTo>
                    <a:pt x="231" y="851"/>
                    <a:pt x="231" y="851"/>
                    <a:pt x="231" y="851"/>
                  </a:cubicBezTo>
                  <a:cubicBezTo>
                    <a:pt x="231" y="547"/>
                    <a:pt x="231" y="547"/>
                    <a:pt x="231" y="547"/>
                  </a:cubicBezTo>
                  <a:cubicBezTo>
                    <a:pt x="563" y="547"/>
                    <a:pt x="563" y="547"/>
                    <a:pt x="563" y="547"/>
                  </a:cubicBezTo>
                  <a:cubicBezTo>
                    <a:pt x="750" y="547"/>
                    <a:pt x="845" y="440"/>
                    <a:pt x="845" y="259"/>
                  </a:cubicBezTo>
                  <a:cubicBezTo>
                    <a:pt x="845" y="144"/>
                    <a:pt x="787" y="0"/>
                    <a:pt x="545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" name="Freeform 11">
              <a:extLst>
                <a:ext uri="{FF2B5EF4-FFF2-40B4-BE49-F238E27FC236}">
                  <a16:creationId xmlns:a16="http://schemas.microsoft.com/office/drawing/2014/main" id="{729E969B-A962-48AD-8792-B01C71B3B8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976" y="430"/>
              <a:ext cx="165" cy="165"/>
            </a:xfrm>
            <a:custGeom>
              <a:avLst/>
              <a:gdLst>
                <a:gd name="T0" fmla="*/ 511 w 850"/>
                <a:gd name="T1" fmla="*/ 377 h 851"/>
                <a:gd name="T2" fmla="*/ 231 w 850"/>
                <a:gd name="T3" fmla="*/ 377 h 851"/>
                <a:gd name="T4" fmla="*/ 231 w 850"/>
                <a:gd name="T5" fmla="*/ 162 h 851"/>
                <a:gd name="T6" fmla="*/ 499 w 850"/>
                <a:gd name="T7" fmla="*/ 162 h 851"/>
                <a:gd name="T8" fmla="*/ 604 w 850"/>
                <a:gd name="T9" fmla="*/ 268 h 851"/>
                <a:gd name="T10" fmla="*/ 511 w 850"/>
                <a:gd name="T11" fmla="*/ 377 h 851"/>
                <a:gd name="T12" fmla="*/ 729 w 850"/>
                <a:gd name="T13" fmla="*/ 439 h 851"/>
                <a:gd name="T14" fmla="*/ 729 w 850"/>
                <a:gd name="T15" fmla="*/ 436 h 851"/>
                <a:gd name="T16" fmla="*/ 850 w 850"/>
                <a:gd name="T17" fmla="*/ 231 h 851"/>
                <a:gd name="T18" fmla="*/ 574 w 850"/>
                <a:gd name="T19" fmla="*/ 0 h 851"/>
                <a:gd name="T20" fmla="*/ 0 w 850"/>
                <a:gd name="T21" fmla="*/ 0 h 851"/>
                <a:gd name="T22" fmla="*/ 0 w 850"/>
                <a:gd name="T23" fmla="*/ 851 h 851"/>
                <a:gd name="T24" fmla="*/ 231 w 850"/>
                <a:gd name="T25" fmla="*/ 851 h 851"/>
                <a:gd name="T26" fmla="*/ 231 w 850"/>
                <a:gd name="T27" fmla="*/ 539 h 851"/>
                <a:gd name="T28" fmla="*/ 492 w 850"/>
                <a:gd name="T29" fmla="*/ 539 h 851"/>
                <a:gd name="T30" fmla="*/ 606 w 850"/>
                <a:gd name="T31" fmla="*/ 688 h 851"/>
                <a:gd name="T32" fmla="*/ 606 w 850"/>
                <a:gd name="T33" fmla="*/ 851 h 851"/>
                <a:gd name="T34" fmla="*/ 837 w 850"/>
                <a:gd name="T35" fmla="*/ 851 h 851"/>
                <a:gd name="T36" fmla="*/ 837 w 850"/>
                <a:gd name="T37" fmla="*/ 666 h 851"/>
                <a:gd name="T38" fmla="*/ 729 w 850"/>
                <a:gd name="T39" fmla="*/ 439 h 8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850" h="851">
                  <a:moveTo>
                    <a:pt x="511" y="377"/>
                  </a:moveTo>
                  <a:cubicBezTo>
                    <a:pt x="231" y="377"/>
                    <a:pt x="231" y="377"/>
                    <a:pt x="231" y="377"/>
                  </a:cubicBezTo>
                  <a:cubicBezTo>
                    <a:pt x="231" y="162"/>
                    <a:pt x="231" y="162"/>
                    <a:pt x="231" y="162"/>
                  </a:cubicBezTo>
                  <a:cubicBezTo>
                    <a:pt x="499" y="162"/>
                    <a:pt x="499" y="162"/>
                    <a:pt x="499" y="162"/>
                  </a:cubicBezTo>
                  <a:cubicBezTo>
                    <a:pt x="555" y="162"/>
                    <a:pt x="604" y="184"/>
                    <a:pt x="604" y="268"/>
                  </a:cubicBezTo>
                  <a:cubicBezTo>
                    <a:pt x="604" y="348"/>
                    <a:pt x="562" y="377"/>
                    <a:pt x="511" y="377"/>
                  </a:cubicBezTo>
                  <a:moveTo>
                    <a:pt x="729" y="439"/>
                  </a:moveTo>
                  <a:cubicBezTo>
                    <a:pt x="729" y="436"/>
                    <a:pt x="729" y="436"/>
                    <a:pt x="729" y="436"/>
                  </a:cubicBezTo>
                  <a:cubicBezTo>
                    <a:pt x="825" y="402"/>
                    <a:pt x="850" y="335"/>
                    <a:pt x="850" y="231"/>
                  </a:cubicBezTo>
                  <a:cubicBezTo>
                    <a:pt x="850" y="144"/>
                    <a:pt x="791" y="0"/>
                    <a:pt x="574" y="0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0" y="851"/>
                    <a:pt x="0" y="851"/>
                    <a:pt x="0" y="851"/>
                  </a:cubicBezTo>
                  <a:cubicBezTo>
                    <a:pt x="231" y="851"/>
                    <a:pt x="231" y="851"/>
                    <a:pt x="231" y="851"/>
                  </a:cubicBezTo>
                  <a:cubicBezTo>
                    <a:pt x="231" y="539"/>
                    <a:pt x="231" y="539"/>
                    <a:pt x="231" y="539"/>
                  </a:cubicBezTo>
                  <a:cubicBezTo>
                    <a:pt x="492" y="539"/>
                    <a:pt x="492" y="539"/>
                    <a:pt x="492" y="539"/>
                  </a:cubicBezTo>
                  <a:cubicBezTo>
                    <a:pt x="575" y="539"/>
                    <a:pt x="606" y="569"/>
                    <a:pt x="606" y="688"/>
                  </a:cubicBezTo>
                  <a:cubicBezTo>
                    <a:pt x="606" y="851"/>
                    <a:pt x="606" y="851"/>
                    <a:pt x="606" y="851"/>
                  </a:cubicBezTo>
                  <a:cubicBezTo>
                    <a:pt x="837" y="851"/>
                    <a:pt x="837" y="851"/>
                    <a:pt x="837" y="851"/>
                  </a:cubicBezTo>
                  <a:cubicBezTo>
                    <a:pt x="837" y="666"/>
                    <a:pt x="837" y="666"/>
                    <a:pt x="837" y="666"/>
                  </a:cubicBezTo>
                  <a:cubicBezTo>
                    <a:pt x="837" y="583"/>
                    <a:pt x="830" y="454"/>
                    <a:pt x="729" y="43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sv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7" Type="http://schemas.openxmlformats.org/officeDocument/2006/relationships/image" Target="../media/image21.pn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0.png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and light imag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</p:spPr>
        <p:txBody>
          <a:bodyPr lIns="144000" tIns="108000"/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on frame and insert picture via Templafy/Images</a:t>
            </a:r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3297A132-C2EE-4CE3-8B75-B1FDFF50D46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E1304FA1-E0F5-4AD4-846A-37642FFE487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2EA72D73-634F-4718-8E12-65FA693F5C8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1079500" y="1813147"/>
            <a:ext cx="8786021" cy="1655762"/>
          </a:xfrm>
        </p:spPr>
        <p:txBody>
          <a:bodyPr anchor="b"/>
          <a:lstStyle>
            <a:lvl1pPr algn="l">
              <a:lnSpc>
                <a:spcPct val="90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1" name="Subtitle 2">
            <a:extLst>
              <a:ext uri="{FF2B5EF4-FFF2-40B4-BE49-F238E27FC236}">
                <a16:creationId xmlns:a16="http://schemas.microsoft.com/office/drawing/2014/main" id="{8CFBB53D-B2EA-4C51-8798-31AC02412C6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1079500" y="3466800"/>
            <a:ext cx="8786020" cy="1655762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accent1"/>
                </a:solidFill>
              </a:defRPr>
            </a:lvl1pPr>
            <a:lvl2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1">
                <a:solidFill>
                  <a:schemeClr val="accent3"/>
                </a:solidFill>
              </a:defRPr>
            </a:lvl2pPr>
            <a:lvl3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3pPr>
            <a:lvl4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4pPr>
            <a:lvl5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5pPr>
            <a:lvl6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6pPr>
            <a:lvl7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7pPr>
            <a:lvl8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8pPr>
            <a:lvl9pPr marL="0" indent="0" algn="l">
              <a:lnSpc>
                <a:spcPct val="83000"/>
              </a:lnSpc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22" name="Datetemplafy" hidden="1">
            <a:extLst>
              <a:ext uri="{FF2B5EF4-FFF2-40B4-BE49-F238E27FC236}">
                <a16:creationId xmlns:a16="http://schemas.microsoft.com/office/drawing/2014/main" id="{BF2A0F1D-98A0-4DDB-86C0-694D2FBB835C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1079500" y="1104632"/>
            <a:ext cx="2587671" cy="2783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ctr" defTabSz="914400" rtl="0" eaLnBrk="1" latinLnBrk="0" hangingPunct="1">
              <a:defRPr sz="600" b="0" kern="1200" cap="none" spc="0" baseline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DK" sz="1400" dirty="0">
                <a:solidFill>
                  <a:schemeClr val="bg1"/>
                </a:solidFill>
              </a:rPr>
              <a:t>31. December 2021</a:t>
            </a:r>
            <a:endParaRPr lang="en-GB" sz="1400" dirty="0">
              <a:solidFill>
                <a:schemeClr val="bg1"/>
              </a:solidFill>
            </a:endParaRP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72BA3620-C253-B338-840D-225946E8A62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65521" y="1104889"/>
            <a:ext cx="1242548" cy="3855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009013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hree Content Al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7204075" y="852488"/>
            <a:ext cx="4624387" cy="24768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4073" y="3685875"/>
            <a:ext cx="4624389" cy="24768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D0416BB-00AC-4DD5-897B-F4EDB13370E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4A205137-2A2B-46B3-8DDC-C1CFC9A969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6" y="853200"/>
            <a:ext cx="5645149" cy="2556000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A7D96D43-0402-49F5-BFAB-DA6BE8393821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3685875"/>
            <a:ext cx="5645149" cy="2476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149601AB-CCD3-4CB3-9179-DE23F91182FD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58775" y="6162675"/>
            <a:ext cx="11472862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</p:spTree>
    <p:extLst>
      <p:ext uri="{BB962C8B-B14F-4D97-AF65-F5344CB8AC3E}">
        <p14:creationId xmlns:p14="http://schemas.microsoft.com/office/powerpoint/2010/main" val="1161461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D66E4DE6-6A13-4B9D-A0E8-EEC54006512B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>
              <a:solidFill>
                <a:schemeClr val="accent2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5" y="853200"/>
            <a:ext cx="11469688" cy="127722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30424"/>
            <a:ext cx="11469688" cy="403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A05BB0BC-2D9C-4C51-9DC9-D7D368F0266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6162675"/>
            <a:ext cx="11469688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E3B5394-EE5A-4E80-A654-0EC429A21F43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6FDE3C2D-2174-CF9B-AED8-5E261F150B0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513149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3162FD40-860F-4816-BE04-ED0433AA8369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5" y="853200"/>
            <a:ext cx="11472861" cy="127722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30424"/>
            <a:ext cx="5645150" cy="403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1" name="Text Placeholder 16">
            <a:extLst>
              <a:ext uri="{FF2B5EF4-FFF2-40B4-BE49-F238E27FC236}">
                <a16:creationId xmlns:a16="http://schemas.microsoft.com/office/drawing/2014/main" id="{0F8E5BA1-5B76-405A-B065-F1217BC9C6C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6162675"/>
            <a:ext cx="11472862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DC42EEF-625B-4BBF-992C-430048070104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4ABDC6C2-4E8C-4DC7-B9DF-259365D0107E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7204075" y="2130424"/>
            <a:ext cx="4624388" cy="403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pic>
        <p:nvPicPr>
          <p:cNvPr id="6" name="Grafik 5">
            <a:extLst>
              <a:ext uri="{FF2B5EF4-FFF2-40B4-BE49-F238E27FC236}">
                <a16:creationId xmlns:a16="http://schemas.microsoft.com/office/drawing/2014/main" id="{62AF2965-0FFB-EC17-1E6C-7059CB5ECDD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1140861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E8B09D11-0EAC-40AB-8BEE-40F46E219F0B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03A63A45-2B07-4E5A-B477-DEECFD163F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6" y="853200"/>
            <a:ext cx="11469687" cy="127722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30424"/>
            <a:ext cx="3600025" cy="4032251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9B5B7436-EE53-4E07-A1D2-21525B05FCA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6162675"/>
            <a:ext cx="11472862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98FFEA5-A780-4345-BEF1-AAA5D1DFB73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866F7DBA-EBA6-4169-A760-6D65A75ED3C3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8230025" y="2130426"/>
            <a:ext cx="3603199" cy="403225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4" name="Content Placeholder 3">
            <a:extLst>
              <a:ext uri="{FF2B5EF4-FFF2-40B4-BE49-F238E27FC236}">
                <a16:creationId xmlns:a16="http://schemas.microsoft.com/office/drawing/2014/main" id="{C89B27AF-2311-4D1F-AE32-93A67D7E23AB}"/>
              </a:ext>
            </a:extLst>
          </p:cNvPr>
          <p:cNvSpPr>
            <a:spLocks noGrp="1"/>
          </p:cNvSpPr>
          <p:nvPr>
            <p:ph sz="half" idx="19" hasCustomPrompt="1"/>
          </p:nvPr>
        </p:nvSpPr>
        <p:spPr>
          <a:xfrm>
            <a:off x="4292813" y="2130425"/>
            <a:ext cx="3603199" cy="403225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D5089DC8-C15E-F476-F90E-FF1CBB71C79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412384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hree Content Al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92B4DE80-3D80-42D8-A931-2CB2608B9239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7204075" y="852488"/>
            <a:ext cx="4624387" cy="2476800"/>
          </a:xfrm>
        </p:spPr>
        <p:txBody>
          <a:bodyPr/>
          <a:lstStyle>
            <a:lvl1pPr>
              <a:defRPr sz="1600">
                <a:solidFill>
                  <a:schemeClr val="bg1"/>
                </a:solidFill>
              </a:defRPr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4073" y="3685875"/>
            <a:ext cx="4624389" cy="2476800"/>
          </a:xfrm>
        </p:spPr>
        <p:txBody>
          <a:bodyPr/>
          <a:lstStyle>
            <a:lvl1pPr>
              <a:defRPr sz="1600">
                <a:solidFill>
                  <a:schemeClr val="bg1"/>
                </a:solidFill>
              </a:defRPr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D0416BB-00AC-4DD5-897B-F4EDB13370E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4A205137-2A2B-46B3-8DDC-C1CFC9A969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6" y="853200"/>
            <a:ext cx="5645149" cy="2556000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A7D96D43-0402-49F5-BFAB-DA6BE8393821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3685875"/>
            <a:ext cx="5645149" cy="2476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149601AB-CCD3-4CB3-9179-DE23F91182FD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58775" y="6162675"/>
            <a:ext cx="11472862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2131BC6F-4B7F-66D0-E89F-975B8AC6D0C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248010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D66E4DE6-6A13-4B9D-A0E8-EEC54006512B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>
              <a:solidFill>
                <a:schemeClr val="accent2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5" y="853200"/>
            <a:ext cx="11469688" cy="1277224"/>
          </a:xfrm>
        </p:spPr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30424"/>
            <a:ext cx="11469688" cy="403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A05BB0BC-2D9C-4C51-9DC9-D7D368F0266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6162675"/>
            <a:ext cx="11469688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E3B5394-EE5A-4E80-A654-0EC429A21F43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6" name="Grafik 5">
            <a:extLst>
              <a:ext uri="{FF2B5EF4-FFF2-40B4-BE49-F238E27FC236}">
                <a16:creationId xmlns:a16="http://schemas.microsoft.com/office/drawing/2014/main" id="{3F864BA6-A047-0863-505F-97403E747E0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1834025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3162FD40-860F-4816-BE04-ED0433AA8369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5" y="853200"/>
            <a:ext cx="11472861" cy="1277224"/>
          </a:xfrm>
        </p:spPr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30424"/>
            <a:ext cx="5645150" cy="403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1" name="Text Placeholder 16">
            <a:extLst>
              <a:ext uri="{FF2B5EF4-FFF2-40B4-BE49-F238E27FC236}">
                <a16:creationId xmlns:a16="http://schemas.microsoft.com/office/drawing/2014/main" id="{0F8E5BA1-5B76-405A-B065-F1217BC9C6C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6162675"/>
            <a:ext cx="11472862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DC42EEF-625B-4BBF-992C-430048070104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4ABDC6C2-4E8C-4DC7-B9DF-259365D0107E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7204075" y="2130424"/>
            <a:ext cx="4624388" cy="403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pic>
        <p:nvPicPr>
          <p:cNvPr id="6" name="Grafik 5">
            <a:extLst>
              <a:ext uri="{FF2B5EF4-FFF2-40B4-BE49-F238E27FC236}">
                <a16:creationId xmlns:a16="http://schemas.microsoft.com/office/drawing/2014/main" id="{FB32BBD7-C4A2-5128-2FBC-4465CACD5DC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3392356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E8B09D11-0EAC-40AB-8BEE-40F46E219F0B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03A63A45-2B07-4E5A-B477-DEECFD163F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6" y="853200"/>
            <a:ext cx="11469687" cy="1277224"/>
          </a:xfrm>
        </p:spPr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30424"/>
            <a:ext cx="3600025" cy="4032251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9B5B7436-EE53-4E07-A1D2-21525B05FCA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6162675"/>
            <a:ext cx="11472862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98FFEA5-A780-4345-BEF1-AAA5D1DFB73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866F7DBA-EBA6-4169-A760-6D65A75ED3C3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8230025" y="2130426"/>
            <a:ext cx="3603199" cy="403225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4" name="Content Placeholder 3">
            <a:extLst>
              <a:ext uri="{FF2B5EF4-FFF2-40B4-BE49-F238E27FC236}">
                <a16:creationId xmlns:a16="http://schemas.microsoft.com/office/drawing/2014/main" id="{C89B27AF-2311-4D1F-AE32-93A67D7E23AB}"/>
              </a:ext>
            </a:extLst>
          </p:cNvPr>
          <p:cNvSpPr>
            <a:spLocks noGrp="1"/>
          </p:cNvSpPr>
          <p:nvPr>
            <p:ph sz="half" idx="19" hasCustomPrompt="1"/>
          </p:nvPr>
        </p:nvSpPr>
        <p:spPr>
          <a:xfrm>
            <a:off x="4292813" y="2130425"/>
            <a:ext cx="3603199" cy="403225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A16D8275-278B-E5D1-BF38-962311435AE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8474168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hree Content Al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92B4DE80-3D80-42D8-A931-2CB2608B9239}"/>
              </a:ext>
            </a:extLst>
          </p:cNvPr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7204075" y="852488"/>
            <a:ext cx="4624387" cy="2476800"/>
          </a:xfrm>
        </p:spPr>
        <p:txBody>
          <a:bodyPr/>
          <a:lstStyle>
            <a:lvl1pPr>
              <a:defRPr sz="1600">
                <a:solidFill>
                  <a:schemeClr val="bg1"/>
                </a:solidFill>
              </a:defRPr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4073" y="3685875"/>
            <a:ext cx="4624389" cy="2476800"/>
          </a:xfrm>
        </p:spPr>
        <p:txBody>
          <a:bodyPr/>
          <a:lstStyle>
            <a:lvl1pPr>
              <a:defRPr sz="1600">
                <a:solidFill>
                  <a:schemeClr val="bg1"/>
                </a:solidFill>
              </a:defRPr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D0416BB-00AC-4DD5-897B-F4EDB13370E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4A205137-2A2B-46B3-8DDC-C1CFC9A969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6" y="853200"/>
            <a:ext cx="5645149" cy="2556000"/>
          </a:xfrm>
        </p:spPr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A7D96D43-0402-49F5-BFAB-DA6BE8393821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3685875"/>
            <a:ext cx="5645149" cy="2476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149601AB-CCD3-4CB3-9179-DE23F91182FD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58775" y="6162675"/>
            <a:ext cx="11472862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>
                <a:solidFill>
                  <a:schemeClr val="bg1"/>
                </a:solidFill>
              </a:defRPr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EF9F97F8-88D8-1CC2-0DA5-BF6DD65BFC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582944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Small Marg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79499" y="853200"/>
            <a:ext cx="10028239" cy="1277224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79499" y="2130424"/>
            <a:ext cx="10028239" cy="4032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A05BB0BC-2D9C-4C51-9DC9-D7D368F0266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9497" y="6162675"/>
            <a:ext cx="10028241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E3B5394-EE5A-4E80-A654-0EC429A21F43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61733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and dark imag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</p:spPr>
        <p:txBody>
          <a:bodyPr lIns="144000" tIns="108000"/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on frame and insert picture via Templafy/Images</a:t>
            </a:r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3297A132-C2EE-4CE3-8B75-B1FDFF50D46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E1304FA1-E0F5-4AD4-846A-37642FFE487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2EA72D73-634F-4718-8E12-65FA693F5C8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1079500" y="1813147"/>
            <a:ext cx="8786021" cy="1655762"/>
          </a:xfrm>
        </p:spPr>
        <p:txBody>
          <a:bodyPr anchor="b"/>
          <a:lstStyle>
            <a:lvl1pPr algn="l">
              <a:lnSpc>
                <a:spcPct val="90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1" name="Subtitle 2">
            <a:extLst>
              <a:ext uri="{FF2B5EF4-FFF2-40B4-BE49-F238E27FC236}">
                <a16:creationId xmlns:a16="http://schemas.microsoft.com/office/drawing/2014/main" id="{8CFBB53D-B2EA-4C51-8798-31AC02412C6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1079500" y="3466800"/>
            <a:ext cx="8786020" cy="1655762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accent1"/>
                </a:solidFill>
              </a:defRPr>
            </a:lvl1pPr>
            <a:lvl2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1">
                <a:solidFill>
                  <a:schemeClr val="accent3"/>
                </a:solidFill>
              </a:defRPr>
            </a:lvl2pPr>
            <a:lvl3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3pPr>
            <a:lvl4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4pPr>
            <a:lvl5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5pPr>
            <a:lvl6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6pPr>
            <a:lvl7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7pPr>
            <a:lvl8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8pPr>
            <a:lvl9pPr marL="0" indent="0" algn="l">
              <a:lnSpc>
                <a:spcPct val="83000"/>
              </a:lnSpc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22" name="Datetemplafy" hidden="1">
            <a:extLst>
              <a:ext uri="{FF2B5EF4-FFF2-40B4-BE49-F238E27FC236}">
                <a16:creationId xmlns:a16="http://schemas.microsoft.com/office/drawing/2014/main" id="{BF2A0F1D-98A0-4DDB-86C0-694D2FBB835C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1079500" y="1104632"/>
            <a:ext cx="2587671" cy="2783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ctr" defTabSz="914400" rtl="0" eaLnBrk="1" latinLnBrk="0" hangingPunct="1">
              <a:defRPr sz="600" b="0" kern="1200" cap="none" spc="0" baseline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DK" sz="1400" dirty="0">
                <a:solidFill>
                  <a:schemeClr val="bg1"/>
                </a:solidFill>
              </a:rPr>
              <a:t>31. December 2021</a:t>
            </a:r>
            <a:endParaRPr lang="en-GB" sz="1400" dirty="0">
              <a:solidFill>
                <a:schemeClr val="bg1"/>
              </a:solidFill>
            </a:endParaRP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69C48D17-2849-61FA-B6D3-CA4BD9AC1C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65521" y="1104889"/>
            <a:ext cx="1242548" cy="3855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wo Content Small Marg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79499" y="853200"/>
            <a:ext cx="10028239" cy="1277224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79499" y="2130424"/>
            <a:ext cx="4924425" cy="4032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1" name="Text Placeholder 16">
            <a:extLst>
              <a:ext uri="{FF2B5EF4-FFF2-40B4-BE49-F238E27FC236}">
                <a16:creationId xmlns:a16="http://schemas.microsoft.com/office/drawing/2014/main" id="{0F8E5BA1-5B76-405A-B065-F1217BC9C6C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9499" y="6162675"/>
            <a:ext cx="10028239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DC42EEF-625B-4BBF-992C-430048070104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4ABDC6C2-4E8C-4DC7-B9DF-259365D0107E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7204075" y="2130424"/>
            <a:ext cx="3903663" cy="4032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</p:spTree>
    <p:extLst>
      <p:ext uri="{BB962C8B-B14F-4D97-AF65-F5344CB8AC3E}">
        <p14:creationId xmlns:p14="http://schemas.microsoft.com/office/powerpoint/2010/main" val="427340456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hree Content Small Marg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03A63A45-2B07-4E5A-B477-DEECFD163F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9501" y="853200"/>
            <a:ext cx="10017191" cy="1277224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79501" y="2130424"/>
            <a:ext cx="2879300" cy="403225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9B5B7436-EE53-4E07-A1D2-21525B05FCA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85785" y="6162675"/>
            <a:ext cx="10017191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98FFEA5-A780-4345-BEF1-AAA5D1DFB73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866F7DBA-EBA6-4169-A760-6D65A75ED3C3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8230026" y="2130426"/>
            <a:ext cx="2872952" cy="40322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marL="270000" marR="0" lvl="0" indent="-2700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GB" noProof="0" dirty="0"/>
              <a:t>(Level 1) - Use Increase and Decrease to cycle through text levels</a:t>
            </a:r>
          </a:p>
          <a:p>
            <a:pPr lvl="0"/>
            <a:r>
              <a:rPr lang="en-GB" noProof="0" dirty="0"/>
              <a:t>text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4" name="Content Placeholder 3">
            <a:extLst>
              <a:ext uri="{FF2B5EF4-FFF2-40B4-BE49-F238E27FC236}">
                <a16:creationId xmlns:a16="http://schemas.microsoft.com/office/drawing/2014/main" id="{C89B27AF-2311-4D1F-AE32-93A67D7E23AB}"/>
              </a:ext>
            </a:extLst>
          </p:cNvPr>
          <p:cNvSpPr>
            <a:spLocks noGrp="1"/>
          </p:cNvSpPr>
          <p:nvPr>
            <p:ph sz="half" idx="19" hasCustomPrompt="1"/>
          </p:nvPr>
        </p:nvSpPr>
        <p:spPr>
          <a:xfrm>
            <a:off x="4292813" y="2130425"/>
            <a:ext cx="3603199" cy="40322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</p:spTree>
    <p:extLst>
      <p:ext uri="{BB962C8B-B14F-4D97-AF65-F5344CB8AC3E}">
        <p14:creationId xmlns:p14="http://schemas.microsoft.com/office/powerpoint/2010/main" val="367969750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hree Content Alt Small Margi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7204075" y="852488"/>
            <a:ext cx="3903663" cy="24768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4074" y="3685875"/>
            <a:ext cx="3902142" cy="24768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4A205137-2A2B-46B3-8DDC-C1CFC9A969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5786" y="853200"/>
            <a:ext cx="4918139" cy="2556000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A7D96D43-0402-49F5-BFAB-DA6BE8393821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85785" y="3685875"/>
            <a:ext cx="4918139" cy="2476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149601AB-CCD3-4CB3-9179-DE23F91182FD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85785" y="6162675"/>
            <a:ext cx="10020430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DDBBC894-E38F-96BB-8B7D-E2D1E2ADB1C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358775" y="358775"/>
            <a:ext cx="3603625" cy="126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753851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xt and light half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6" y="853200"/>
            <a:ext cx="5644663" cy="1277224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30424"/>
            <a:ext cx="5644664" cy="4032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186000" y="0"/>
            <a:ext cx="6005999" cy="6858000"/>
          </a:xfrm>
        </p:spPr>
        <p:txBody>
          <a:bodyPr tIns="648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9456A84-5C93-4764-AB03-93C90C4967C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1" name="Text Placeholder 16">
            <a:extLst>
              <a:ext uri="{FF2B5EF4-FFF2-40B4-BE49-F238E27FC236}">
                <a16:creationId xmlns:a16="http://schemas.microsoft.com/office/drawing/2014/main" id="{96F57F66-30B8-4B85-9C4C-DA2DDBEA687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58775" y="6162675"/>
            <a:ext cx="5644664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59EC4AF7-609D-36A6-FA28-1813455899A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9234467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xt and dark half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6" y="853200"/>
            <a:ext cx="5644663" cy="1277224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30424"/>
            <a:ext cx="5644664" cy="4032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186000" y="0"/>
            <a:ext cx="6005999" cy="6858000"/>
          </a:xfrm>
        </p:spPr>
        <p:txBody>
          <a:bodyPr tIns="648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9456A84-5C93-4764-AB03-93C90C4967C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1" name="Text Placeholder 16">
            <a:extLst>
              <a:ext uri="{FF2B5EF4-FFF2-40B4-BE49-F238E27FC236}">
                <a16:creationId xmlns:a16="http://schemas.microsoft.com/office/drawing/2014/main" id="{96F57F66-30B8-4B85-9C4C-DA2DDBEA687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58775" y="6162675"/>
            <a:ext cx="5644664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A18272C6-12DB-23ED-0A4A-365DF286CF5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79499" y="2130425"/>
            <a:ext cx="10569575" cy="2768756"/>
          </a:xfrm>
        </p:spPr>
        <p:txBody>
          <a:bodyPr anchor="ctr" anchorCtr="0"/>
          <a:lstStyle>
            <a:lvl1pPr algn="l">
              <a:defRPr sz="80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, use white to highlight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B92CFF-34D0-4353-A15D-A61F7919CE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260402E9-8FBB-B1D9-A00E-0AADB7997EB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B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79499" y="2130425"/>
            <a:ext cx="10569575" cy="2768756"/>
          </a:xfrm>
        </p:spPr>
        <p:txBody>
          <a:bodyPr anchor="ctr" anchorCtr="0"/>
          <a:lstStyle>
            <a:lvl1pPr algn="l">
              <a:defRPr sz="8000">
                <a:solidFill>
                  <a:schemeClr val="accent1"/>
                </a:solidFill>
              </a:defRPr>
            </a:lvl1pPr>
          </a:lstStyle>
          <a:p>
            <a:r>
              <a:rPr lang="en-GB" noProof="0" dirty="0"/>
              <a:t>Click to add title, use white to highlight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B92CFF-34D0-4353-A15D-A61F7919CE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A67C7807-D476-0B3B-D9D5-D92195A9864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1563065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C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79499" y="2130425"/>
            <a:ext cx="10569575" cy="2768756"/>
          </a:xfrm>
        </p:spPr>
        <p:txBody>
          <a:bodyPr anchor="ctr" anchorCtr="0"/>
          <a:lstStyle>
            <a:lvl1pPr algn="l">
              <a:defRPr sz="8000">
                <a:solidFill>
                  <a:schemeClr val="accent4"/>
                </a:solidFill>
              </a:defRPr>
            </a:lvl1pPr>
          </a:lstStyle>
          <a:p>
            <a:r>
              <a:rPr lang="en-GB" noProof="0" dirty="0"/>
              <a:t>Click to add title, use white to highlight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B92CFF-34D0-4353-A15D-A61F7919CE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9BBB24A2-55DB-B08C-8944-379C7D93DA3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5671558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D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79499" y="2130425"/>
            <a:ext cx="10569575" cy="2768756"/>
          </a:xfrm>
        </p:spPr>
        <p:txBody>
          <a:bodyPr anchor="ctr" anchorCtr="0"/>
          <a:lstStyle>
            <a:lvl1pPr algn="l">
              <a:defRPr sz="8000">
                <a:solidFill>
                  <a:schemeClr val="accent3"/>
                </a:solidFill>
              </a:defRPr>
            </a:lvl1pPr>
          </a:lstStyle>
          <a:p>
            <a:r>
              <a:rPr lang="en-GB" noProof="0" dirty="0"/>
              <a:t>Click to add title, use white to highlight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B92CFF-34D0-4353-A15D-A61F7919CE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pic>
        <p:nvPicPr>
          <p:cNvPr id="6" name="Grafik 5">
            <a:extLst>
              <a:ext uri="{FF2B5EF4-FFF2-40B4-BE49-F238E27FC236}">
                <a16:creationId xmlns:a16="http://schemas.microsoft.com/office/drawing/2014/main" id="{98A78C62-CB64-4ED0-0A4F-943E37E3804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417855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 text and light image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ACC1FC87-49EB-4EAD-8ED5-5398999A457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1079500" y="852488"/>
            <a:ext cx="4650213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2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96000" y="0"/>
            <a:ext cx="6096000" cy="6858000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A7E8C31E-4396-498B-9C57-8FAD7835F7A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45924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E420160B-6554-4CF4-9DC8-2482946872AE}"/>
              </a:ext>
            </a:extLst>
          </p:cNvPr>
          <p:cNvSpPr/>
          <p:nvPr userDrawn="1"/>
        </p:nvSpPr>
        <p:spPr bwMode="ltGray">
          <a:xfrm>
            <a:off x="0" y="0"/>
            <a:ext cx="12192000" cy="6857999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79500" y="1813147"/>
            <a:ext cx="8786021" cy="1655762"/>
          </a:xfrm>
        </p:spPr>
        <p:txBody>
          <a:bodyPr anchor="b"/>
          <a:lstStyle>
            <a:lvl1pPr algn="l">
              <a:lnSpc>
                <a:spcPct val="90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079500" y="3467630"/>
            <a:ext cx="8786020" cy="1655762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accent2"/>
                </a:solidFill>
              </a:defRPr>
            </a:lvl1pPr>
            <a:lvl2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1">
                <a:solidFill>
                  <a:schemeClr val="bg1"/>
                </a:solidFill>
              </a:defRPr>
            </a:lvl2pPr>
            <a:lvl3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3pPr>
            <a:lvl4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4pPr>
            <a:lvl5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5pPr>
            <a:lvl6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6pPr>
            <a:lvl7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7pPr>
            <a:lvl8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8pPr>
            <a:lvl9pPr marL="0" indent="0" algn="l">
              <a:lnSpc>
                <a:spcPct val="83000"/>
              </a:lnSpc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Datetemplafy" hidden="1">
            <a:extLst>
              <a:ext uri="{FF2B5EF4-FFF2-40B4-BE49-F238E27FC236}">
                <a16:creationId xmlns:a16="http://schemas.microsoft.com/office/drawing/2014/main" id="{0081A75D-5F52-497D-9568-67F6647CC748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1079500" y="1104632"/>
            <a:ext cx="2587671" cy="2783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ctr" defTabSz="914400" rtl="0" eaLnBrk="1" latinLnBrk="0" hangingPunct="1">
              <a:defRPr sz="600" b="0" kern="1200" cap="none" spc="0" baseline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DK" sz="1400" dirty="0">
                <a:solidFill>
                  <a:schemeClr val="bg1"/>
                </a:solidFill>
              </a:rPr>
              <a:t>31. December 2021</a:t>
            </a:r>
            <a:endParaRPr lang="en-GB" sz="1400" dirty="0">
              <a:solidFill>
                <a:schemeClr val="bg1"/>
              </a:solidFill>
            </a:endParaRP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4714602C-0F73-5FF2-F839-9033568181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65521" y="1104889"/>
            <a:ext cx="1242548" cy="3855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 text and dark image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96000" y="0"/>
            <a:ext cx="6096000" cy="6858000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13" name="Text Placeholder 19">
            <a:extLst>
              <a:ext uri="{FF2B5EF4-FFF2-40B4-BE49-F238E27FC236}">
                <a16:creationId xmlns:a16="http://schemas.microsoft.com/office/drawing/2014/main" id="{7826009B-D121-4AC3-8A1C-95C2A6C41FE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1079500" y="852488"/>
            <a:ext cx="4650213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2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0FD270F5-DF33-8BC3-A3C4-DD4A299BD4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9132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nfographic text and light image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ACC1FC87-49EB-4EAD-8ED5-5398999A457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4688" y="852488"/>
            <a:ext cx="4803775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2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6095999" cy="6857999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3" name="Footer Placeholder 5">
            <a:extLst>
              <a:ext uri="{FF2B5EF4-FFF2-40B4-BE49-F238E27FC236}">
                <a16:creationId xmlns:a16="http://schemas.microsoft.com/office/drawing/2014/main" id="{4E315247-74EA-DFF0-B987-025D7533271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7024688" y="358775"/>
            <a:ext cx="3603625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F4D33DFC-B18C-763B-B142-4EA79D69D9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14519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 text and ligh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96000" y="0"/>
            <a:ext cx="6096000" cy="6858000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13" name="Text Placeholder 19">
            <a:extLst>
              <a:ext uri="{FF2B5EF4-FFF2-40B4-BE49-F238E27FC236}">
                <a16:creationId xmlns:a16="http://schemas.microsoft.com/office/drawing/2014/main" id="{CDE450D2-0CD9-431E-BE1C-2C5B80CF58C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1079500" y="852488"/>
            <a:ext cx="4650213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1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31810D15-4A89-39A5-2B76-E85B9902FF8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3947466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 text and dark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96000" y="0"/>
            <a:ext cx="6096000" cy="6858000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13" name="Text Placeholder 19">
            <a:extLst>
              <a:ext uri="{FF2B5EF4-FFF2-40B4-BE49-F238E27FC236}">
                <a16:creationId xmlns:a16="http://schemas.microsoft.com/office/drawing/2014/main" id="{BC429B8C-C3FA-4093-ABEE-59498A8A1B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1079500" y="852488"/>
            <a:ext cx="4650213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1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3A3494F1-EE27-38C3-EE80-521101FE315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1318255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Infographic text and light image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ACC1FC87-49EB-4EAD-8ED5-5398999A457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4688" y="852488"/>
            <a:ext cx="4803775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1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6095999" cy="6857999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3" name="Footer Placeholder 5">
            <a:extLst>
              <a:ext uri="{FF2B5EF4-FFF2-40B4-BE49-F238E27FC236}">
                <a16:creationId xmlns:a16="http://schemas.microsoft.com/office/drawing/2014/main" id="{E089C7FF-EFA4-DB86-1FCF-D6C3732ED86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7024688" y="358775"/>
            <a:ext cx="3603625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11191643-F91A-BE35-8D34-DAE15672E4D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454924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 text and light image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96000" y="0"/>
            <a:ext cx="6096000" cy="6858000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13" name="Text Placeholder 19">
            <a:extLst>
              <a:ext uri="{FF2B5EF4-FFF2-40B4-BE49-F238E27FC236}">
                <a16:creationId xmlns:a16="http://schemas.microsoft.com/office/drawing/2014/main" id="{C7D11B20-B2B0-4F02-916A-9E4FA22389B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1079500" y="852488"/>
            <a:ext cx="4650213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4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28A5746A-14B4-1C9A-F941-A547E2CC61F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53609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 text and dark image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96000" y="0"/>
            <a:ext cx="6096000" cy="6858000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13" name="Text Placeholder 19">
            <a:extLst>
              <a:ext uri="{FF2B5EF4-FFF2-40B4-BE49-F238E27FC236}">
                <a16:creationId xmlns:a16="http://schemas.microsoft.com/office/drawing/2014/main" id="{91E1B96F-B388-44A5-AB71-4D5CAD21461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1079500" y="852488"/>
            <a:ext cx="4650213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4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407188EE-23B2-0AAC-9C38-EE6AC8CF0BD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07409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Infographic text and light image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ACC1FC87-49EB-4EAD-8ED5-5398999A457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4688" y="852488"/>
            <a:ext cx="4803775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4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6095999" cy="6857999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3" name="Footer Placeholder 5">
            <a:extLst>
              <a:ext uri="{FF2B5EF4-FFF2-40B4-BE49-F238E27FC236}">
                <a16:creationId xmlns:a16="http://schemas.microsoft.com/office/drawing/2014/main" id="{6BA48F9C-C6F1-233B-5BB6-1D889267AA5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7024688" y="358775"/>
            <a:ext cx="3603625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C0FEA6CB-BE36-7525-CC8F-92BC7565D19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1871051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 text and light image 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96000" y="0"/>
            <a:ext cx="6096000" cy="6858000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13" name="Text Placeholder 19">
            <a:extLst>
              <a:ext uri="{FF2B5EF4-FFF2-40B4-BE49-F238E27FC236}">
                <a16:creationId xmlns:a16="http://schemas.microsoft.com/office/drawing/2014/main" id="{14D867C1-78E4-4BB7-A081-77DFBF3B6A1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1079500" y="852488"/>
            <a:ext cx="4650213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3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1F1C6064-1933-FE16-6560-BC249F41AD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20843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 text and dark image 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96000" y="0"/>
            <a:ext cx="6096000" cy="6858000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13" name="Text Placeholder 19">
            <a:extLst>
              <a:ext uri="{FF2B5EF4-FFF2-40B4-BE49-F238E27FC236}">
                <a16:creationId xmlns:a16="http://schemas.microsoft.com/office/drawing/2014/main" id="{B8FE7F90-72A0-473B-B5B0-1FD9C0BC10F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1079500" y="852488"/>
            <a:ext cx="4650213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3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D961FFEC-895F-BF62-E834-8C8EBEF9D7F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410301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E420160B-6554-4CF4-9DC8-2482946872AE}"/>
              </a:ext>
            </a:extLst>
          </p:cNvPr>
          <p:cNvSpPr/>
          <p:nvPr userDrawn="1"/>
        </p:nvSpPr>
        <p:spPr>
          <a:xfrm>
            <a:off x="0" y="0"/>
            <a:ext cx="12192000" cy="6857999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79500" y="1813147"/>
            <a:ext cx="8786021" cy="1655762"/>
          </a:xfrm>
        </p:spPr>
        <p:txBody>
          <a:bodyPr anchor="b"/>
          <a:lstStyle>
            <a:lvl1pPr algn="l">
              <a:lnSpc>
                <a:spcPct val="90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079500" y="3466800"/>
            <a:ext cx="8786020" cy="1655762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accent1"/>
                </a:solidFill>
              </a:defRPr>
            </a:lvl1pPr>
            <a:lvl2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1">
                <a:solidFill>
                  <a:schemeClr val="bg1"/>
                </a:solidFill>
              </a:defRPr>
            </a:lvl2pPr>
            <a:lvl3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3pPr>
            <a:lvl4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4pPr>
            <a:lvl5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5pPr>
            <a:lvl6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6pPr>
            <a:lvl7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7pPr>
            <a:lvl8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8pPr>
            <a:lvl9pPr marL="0" indent="0" algn="l">
              <a:lnSpc>
                <a:spcPct val="83000"/>
              </a:lnSpc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Datetemplafy" hidden="1">
            <a:extLst>
              <a:ext uri="{FF2B5EF4-FFF2-40B4-BE49-F238E27FC236}">
                <a16:creationId xmlns:a16="http://schemas.microsoft.com/office/drawing/2014/main" id="{0081A75D-5F52-497D-9568-67F6647CC748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1079500" y="1104632"/>
            <a:ext cx="2587671" cy="2783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ctr" defTabSz="914400" rtl="0" eaLnBrk="1" latinLnBrk="0" hangingPunct="1">
              <a:defRPr sz="600" b="0" kern="1200" cap="none" spc="0" baseline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DK" sz="1400" dirty="0">
                <a:solidFill>
                  <a:schemeClr val="bg1"/>
                </a:solidFill>
              </a:rPr>
              <a:t>31. December 2021</a:t>
            </a:r>
            <a:endParaRPr lang="en-GB" sz="1400" dirty="0">
              <a:solidFill>
                <a:schemeClr val="bg1"/>
              </a:solidFill>
            </a:endParaRP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B395FAD6-C0EC-AE6F-D936-5BD0D6512DB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65521" y="1104889"/>
            <a:ext cx="1242548" cy="3855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4250107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Infographic text and light image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 white">
            <a:extLst>
              <a:ext uri="{FF2B5EF4-FFF2-40B4-BE49-F238E27FC236}">
                <a16:creationId xmlns:a16="http://schemas.microsoft.com/office/drawing/2014/main" id="{C5DA281C-5281-49B7-8448-054AA32EEEA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Background color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ACC1FC87-49EB-4EAD-8ED5-5398999A457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4688" y="852488"/>
            <a:ext cx="4803775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3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610F66E9-B96E-4CE3-B193-5A4220C92FD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6095999" cy="6857999"/>
          </a:xfrm>
        </p:spPr>
        <p:txBody>
          <a:bodyPr tIns="648000" anchor="t" anchorCtr="0"/>
          <a:lstStyle>
            <a:lvl1pPr marL="0" indent="0" algn="ctr">
              <a:buNone/>
              <a:defRPr sz="16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on frame and insert picture via Templafy Images</a:t>
            </a:r>
          </a:p>
        </p:txBody>
      </p:sp>
      <p:sp>
        <p:nvSpPr>
          <p:cNvPr id="3" name="Footer Placeholder 5">
            <a:extLst>
              <a:ext uri="{FF2B5EF4-FFF2-40B4-BE49-F238E27FC236}">
                <a16:creationId xmlns:a16="http://schemas.microsoft.com/office/drawing/2014/main" id="{8C7D8ACA-B9FF-A028-92D1-8A5A7B81D13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7024688" y="358775"/>
            <a:ext cx="3603625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94916B8B-5C8B-76F3-51EE-15AC230969D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373265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, comparis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 bwMode="ltGray">
          <a:xfrm>
            <a:off x="0" y="0"/>
            <a:ext cx="6096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C811CEEF-AACC-44B6-BACB-BB91686526B7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31" name="Text Placeholder 19">
            <a:extLst>
              <a:ext uri="{FF2B5EF4-FFF2-40B4-BE49-F238E27FC236}">
                <a16:creationId xmlns:a16="http://schemas.microsoft.com/office/drawing/2014/main" id="{20FED509-03F4-4B1C-BBA0-AED9A379C25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1079500" y="852488"/>
            <a:ext cx="4650213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2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32" name="Text Placeholder 19">
            <a:extLst>
              <a:ext uri="{FF2B5EF4-FFF2-40B4-BE49-F238E27FC236}">
                <a16:creationId xmlns:a16="http://schemas.microsoft.com/office/drawing/2014/main" id="{3E67FC2C-EAE9-4B55-BE5C-3D8916238E5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6462287" y="852488"/>
            <a:ext cx="4650213" cy="5321116"/>
          </a:xfrm>
        </p:spPr>
        <p:txBody>
          <a:bodyPr anchor="ctr" anchorCtr="0"/>
          <a:lstStyle>
            <a:lvl1pPr marL="0" indent="0" algn="r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4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DA58C362-5763-4F63-EF83-3CD881DEEA9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843425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, comparison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 bwMode="ltGray">
          <a:xfrm>
            <a:off x="0" y="0"/>
            <a:ext cx="6096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C811CEEF-AACC-44B6-BACB-BB91686526B7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31" name="Text Placeholder 19">
            <a:extLst>
              <a:ext uri="{FF2B5EF4-FFF2-40B4-BE49-F238E27FC236}">
                <a16:creationId xmlns:a16="http://schemas.microsoft.com/office/drawing/2014/main" id="{20FED509-03F4-4B1C-BBA0-AED9A379C25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1079500" y="852488"/>
            <a:ext cx="4650213" cy="5321116"/>
          </a:xfrm>
        </p:spPr>
        <p:txBody>
          <a:bodyPr anchor="ctr" anchorCtr="0"/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1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sp>
        <p:nvSpPr>
          <p:cNvPr id="32" name="Text Placeholder 19">
            <a:extLst>
              <a:ext uri="{FF2B5EF4-FFF2-40B4-BE49-F238E27FC236}">
                <a16:creationId xmlns:a16="http://schemas.microsoft.com/office/drawing/2014/main" id="{3E67FC2C-EAE9-4B55-BE5C-3D8916238E5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6462287" y="852488"/>
            <a:ext cx="4650213" cy="5321116"/>
          </a:xfrm>
        </p:spPr>
        <p:txBody>
          <a:bodyPr anchor="ctr" anchorCtr="0"/>
          <a:lstStyle>
            <a:lvl1pPr marL="0" indent="0" algn="r">
              <a:lnSpc>
                <a:spcPct val="90000"/>
              </a:lnSpc>
              <a:spcAft>
                <a:spcPts val="0"/>
              </a:spcAft>
              <a:buNone/>
              <a:defRPr sz="4000" b="1">
                <a:solidFill>
                  <a:schemeClr val="accent3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text</a:t>
            </a:r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B7BE4369-34A2-C0C6-8519-D3A2A5E8EF5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3112250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 color">
            <a:extLst>
              <a:ext uri="{FF2B5EF4-FFF2-40B4-BE49-F238E27FC236}">
                <a16:creationId xmlns:a16="http://schemas.microsoft.com/office/drawing/2014/main" id="{65B6088E-0E23-4A72-9326-0B525F7111F8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rgbClr val="20202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1079500" y="2484000"/>
            <a:ext cx="9007475" cy="3296087"/>
          </a:xfrm>
        </p:spPr>
        <p:txBody>
          <a:bodyPr>
            <a:normAutofit/>
          </a:bodyPr>
          <a:lstStyle>
            <a:lvl1pPr marL="0" indent="0">
              <a:lnSpc>
                <a:spcPct val="90000"/>
              </a:lnSpc>
              <a:buFont typeface="Arial" panose="020B0604020202020204" pitchFamily="34" charset="0"/>
              <a:buChar char="​"/>
              <a:defRPr sz="6000" b="1"/>
            </a:lvl1pPr>
            <a:lvl2pPr marL="0" indent="0">
              <a:buFont typeface="Arial" panose="020B0604020202020204" pitchFamily="34" charset="0"/>
              <a:buChar char="​"/>
              <a:defRPr sz="1400"/>
            </a:lvl2pPr>
            <a:lvl3pPr marL="0" indent="0">
              <a:buFont typeface="Arial" panose="020B0604020202020204" pitchFamily="34" charset="0"/>
              <a:buChar char="​"/>
              <a:defRPr sz="4400"/>
            </a:lvl3pPr>
            <a:lvl4pPr>
              <a:defRPr sz="1400" b="0"/>
            </a:lvl4pPr>
            <a:lvl5pPr>
              <a:defRPr sz="4400"/>
            </a:lvl5pPr>
            <a:lvl6pPr marL="0" indent="0">
              <a:buFont typeface="Arial" panose="020B0604020202020204" pitchFamily="34" charset="0"/>
              <a:buChar char="​"/>
              <a:defRPr sz="1400"/>
            </a:lvl6pPr>
          </a:lstStyle>
          <a:p>
            <a:pPr lvl="0"/>
            <a:r>
              <a:rPr lang="en-GB" dirty="0"/>
              <a:t>Click to add quot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961B2EB-4C69-4214-B603-16A6AEEFF95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9E8911C7-1CD7-4F8D-8DB9-AC0FD6DEEB1F}"/>
              </a:ext>
            </a:extLst>
          </p:cNvPr>
          <p:cNvGrpSpPr/>
          <p:nvPr userDrawn="1"/>
        </p:nvGrpSpPr>
        <p:grpSpPr>
          <a:xfrm rot="10800000">
            <a:off x="1101012" y="1736423"/>
            <a:ext cx="446157" cy="545304"/>
            <a:chOff x="1101012" y="1736423"/>
            <a:chExt cx="446157" cy="545304"/>
          </a:xfrm>
        </p:grpSpPr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B83214DE-ED76-4359-B35F-2FC31B8A19AD}"/>
                </a:ext>
              </a:extLst>
            </p:cNvPr>
            <p:cNvSpPr>
              <a:spLocks/>
            </p:cNvSpPr>
            <p:nvPr userDrawn="1"/>
          </p:nvSpPr>
          <p:spPr bwMode="white">
            <a:xfrm>
              <a:off x="1101012" y="1736424"/>
              <a:ext cx="148719" cy="545303"/>
            </a:xfrm>
            <a:custGeom>
              <a:avLst/>
              <a:gdLst>
                <a:gd name="T0" fmla="*/ 0 w 231"/>
                <a:gd name="T1" fmla="*/ 0 h 851"/>
                <a:gd name="T2" fmla="*/ 0 w 231"/>
                <a:gd name="T3" fmla="*/ 851 h 851"/>
                <a:gd name="T4" fmla="*/ 231 w 231"/>
                <a:gd name="T5" fmla="*/ 651 h 851"/>
                <a:gd name="T6" fmla="*/ 231 w 231"/>
                <a:gd name="T7" fmla="*/ 0 h 851"/>
                <a:gd name="T8" fmla="*/ 0 w 231"/>
                <a:gd name="T9" fmla="*/ 0 h 8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1" h="851">
                  <a:moveTo>
                    <a:pt x="0" y="0"/>
                  </a:moveTo>
                  <a:cubicBezTo>
                    <a:pt x="0" y="851"/>
                    <a:pt x="0" y="851"/>
                    <a:pt x="0" y="851"/>
                  </a:cubicBezTo>
                  <a:cubicBezTo>
                    <a:pt x="126" y="851"/>
                    <a:pt x="229" y="772"/>
                    <a:pt x="231" y="651"/>
                  </a:cubicBezTo>
                  <a:cubicBezTo>
                    <a:pt x="231" y="0"/>
                    <a:pt x="231" y="0"/>
                    <a:pt x="231" y="0"/>
                  </a:cubicBezTo>
                  <a:lnTo>
                    <a:pt x="0" y="0"/>
                  </a:lnTo>
                  <a:close/>
                </a:path>
              </a:pathLst>
            </a:custGeom>
            <a:solidFill>
              <a:schemeClr val="tx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4"/>
                </a:solidFill>
              </a:endParaRPr>
            </a:p>
          </p:txBody>
        </p:sp>
        <p:sp>
          <p:nvSpPr>
            <p:cNvPr id="17" name="Freeform 9">
              <a:extLst>
                <a:ext uri="{FF2B5EF4-FFF2-40B4-BE49-F238E27FC236}">
                  <a16:creationId xmlns:a16="http://schemas.microsoft.com/office/drawing/2014/main" id="{7F85A731-FC42-44E1-A7BA-5765289D385F}"/>
                </a:ext>
              </a:extLst>
            </p:cNvPr>
            <p:cNvSpPr>
              <a:spLocks/>
            </p:cNvSpPr>
            <p:nvPr userDrawn="1"/>
          </p:nvSpPr>
          <p:spPr bwMode="white">
            <a:xfrm>
              <a:off x="1398450" y="1736423"/>
              <a:ext cx="148719" cy="545303"/>
            </a:xfrm>
            <a:custGeom>
              <a:avLst/>
              <a:gdLst>
                <a:gd name="T0" fmla="*/ 0 w 231"/>
                <a:gd name="T1" fmla="*/ 0 h 851"/>
                <a:gd name="T2" fmla="*/ 0 w 231"/>
                <a:gd name="T3" fmla="*/ 851 h 851"/>
                <a:gd name="T4" fmla="*/ 231 w 231"/>
                <a:gd name="T5" fmla="*/ 651 h 851"/>
                <a:gd name="T6" fmla="*/ 231 w 231"/>
                <a:gd name="T7" fmla="*/ 0 h 851"/>
                <a:gd name="T8" fmla="*/ 0 w 231"/>
                <a:gd name="T9" fmla="*/ 0 h 8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1" h="851">
                  <a:moveTo>
                    <a:pt x="0" y="0"/>
                  </a:moveTo>
                  <a:cubicBezTo>
                    <a:pt x="0" y="851"/>
                    <a:pt x="0" y="851"/>
                    <a:pt x="0" y="851"/>
                  </a:cubicBezTo>
                  <a:cubicBezTo>
                    <a:pt x="126" y="851"/>
                    <a:pt x="229" y="772"/>
                    <a:pt x="231" y="651"/>
                  </a:cubicBezTo>
                  <a:cubicBezTo>
                    <a:pt x="231" y="0"/>
                    <a:pt x="231" y="0"/>
                    <a:pt x="231" y="0"/>
                  </a:cubicBezTo>
                  <a:lnTo>
                    <a:pt x="0" y="0"/>
                  </a:lnTo>
                  <a:close/>
                </a:path>
              </a:pathLst>
            </a:custGeom>
            <a:solidFill>
              <a:schemeClr val="tx1"/>
            </a:solidFill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4"/>
                </a:solidFill>
              </a:endParaRPr>
            </a:p>
          </p:txBody>
        </p:sp>
      </p:grp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63BDC039-E941-4AFA-B0A3-BE5722861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1079500" y="5791200"/>
            <a:ext cx="9007475" cy="371475"/>
          </a:xfrm>
        </p:spPr>
        <p:txBody>
          <a:bodyPr anchor="b" anchorCtr="0">
            <a:normAutofit/>
          </a:bodyPr>
          <a:lstStyle>
            <a:lvl1pPr marL="0" indent="0">
              <a:buNone/>
              <a:defRPr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en-US" dirty="0"/>
              <a:t>Click to add source or other text</a:t>
            </a:r>
          </a:p>
        </p:txBody>
      </p:sp>
      <p:pic>
        <p:nvPicPr>
          <p:cNvPr id="5" name="Grafik 4">
            <a:extLst>
              <a:ext uri="{FF2B5EF4-FFF2-40B4-BE49-F238E27FC236}">
                <a16:creationId xmlns:a16="http://schemas.microsoft.com/office/drawing/2014/main" id="{BCAB6F75-24DB-9933-0FF6-9502AE8D5EB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141395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EFDCC10-9748-4EF4-AAC1-4DB6EDD3190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 color">
            <a:extLst>
              <a:ext uri="{FF2B5EF4-FFF2-40B4-BE49-F238E27FC236}">
                <a16:creationId xmlns:a16="http://schemas.microsoft.com/office/drawing/2014/main" id="{6BFB588C-06AE-4B4B-8B51-005AAFEC5EB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EFDCC10-9748-4EF4-AAC1-4DB6EDD3190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3B57075F-41B7-7CDB-9539-62E4A7CC1E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7818819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 color">
            <a:extLst>
              <a:ext uri="{FF2B5EF4-FFF2-40B4-BE49-F238E27FC236}">
                <a16:creationId xmlns:a16="http://schemas.microsoft.com/office/drawing/2014/main" id="{6BFB588C-06AE-4B4B-8B51-005AAFEC5EB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EFDCC10-9748-4EF4-AAC1-4DB6EDD3190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DCCEC08D-3A99-2EA4-3F35-F6F4DB5D6C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2883631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 color">
            <a:extLst>
              <a:ext uri="{FF2B5EF4-FFF2-40B4-BE49-F238E27FC236}">
                <a16:creationId xmlns:a16="http://schemas.microsoft.com/office/drawing/2014/main" id="{6BFB588C-06AE-4B4B-8B51-005AAFEC5EB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EFDCC10-9748-4EF4-AAC1-4DB6EDD3190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4CF48E40-6EF0-1DED-E9B7-BA7F733928D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57718051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 color">
            <a:extLst>
              <a:ext uri="{FF2B5EF4-FFF2-40B4-BE49-F238E27FC236}">
                <a16:creationId xmlns:a16="http://schemas.microsoft.com/office/drawing/2014/main" id="{6BFB588C-06AE-4B4B-8B51-005AAFEC5EB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EFDCC10-9748-4EF4-AAC1-4DB6EDD3190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2" name="Grafik 1">
            <a:extLst>
              <a:ext uri="{FF2B5EF4-FFF2-40B4-BE49-F238E27FC236}">
                <a16:creationId xmlns:a16="http://schemas.microsoft.com/office/drawing/2014/main" id="{795A1543-33B0-07E7-F326-E0A0CBFFB1B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872789" y="358775"/>
            <a:ext cx="955674" cy="2965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95089023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493850"/>
            <a:ext cx="2700000" cy="50167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6" y="448713"/>
            <a:ext cx="11290298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1098214" y="1828234"/>
            <a:ext cx="648952" cy="932131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786A4E1-4A21-42C3-A06D-5FA8A0C95E45}" type="datetime4">
              <a:rPr lang="en-GB" smtClean="0"/>
              <a:t>29 May 2024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98214" y="5262363"/>
            <a:ext cx="766537" cy="114692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734790" y="1493850"/>
            <a:ext cx="2326837" cy="430887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endParaRPr lang="en-GB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060212" y="5354089"/>
            <a:ext cx="903615" cy="335960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061831" y="4467173"/>
            <a:ext cx="427158" cy="656556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060212" y="3567921"/>
            <a:ext cx="1046642" cy="335960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061627" y="1836491"/>
            <a:ext cx="827543" cy="465493"/>
          </a:xfrm>
          <a:prstGeom prst="rect">
            <a:avLst/>
          </a:prstGeom>
        </p:spPr>
      </p:pic>
      <p:sp>
        <p:nvSpPr>
          <p:cNvPr id="32" name="Text Box 2">
            <a:extLst>
              <a:ext uri="{FF2B5EF4-FFF2-40B4-BE49-F238E27FC236}">
                <a16:creationId xmlns:a16="http://schemas.microsoft.com/office/drawing/2014/main" id="{A64DAFE8-20D2-4E3C-8612-6DA54BACE64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58776" y="1493850"/>
            <a:ext cx="4461962" cy="484748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270000" marR="0" lvl="0" indent="-2700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20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vel 1</a:t>
            </a:r>
          </a:p>
          <a:p>
            <a:pPr marL="540000" marR="0" lvl="1" indent="-2700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20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vel 2</a:t>
            </a:r>
          </a:p>
          <a:p>
            <a:pPr marL="810000" marR="0" lvl="2" indent="-2700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20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vel 3</a:t>
            </a:r>
          </a:p>
          <a:p>
            <a:pPr marL="0" marR="0" lvl="3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GB" sz="20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vel 4, Header</a:t>
            </a:r>
          </a:p>
          <a:p>
            <a:pPr marL="0" marR="0" lvl="4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GB" sz="20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vel 5, Body</a:t>
            </a:r>
          </a:p>
          <a:p>
            <a:pPr marL="180000" marR="0" lvl="5" indent="-18000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vel 6, Report Bullet Report</a:t>
            </a:r>
          </a:p>
          <a:p>
            <a:pPr marL="0" marR="0" lvl="6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GB" sz="14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vel 7, Report Header</a:t>
            </a:r>
          </a:p>
          <a:p>
            <a:pPr marL="0" marR="0" lvl="7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vel 8, Report Body</a:t>
            </a:r>
          </a:p>
          <a:p>
            <a:pPr marL="0" marR="0" lvl="8" indent="0" algn="l" defTabSz="914400" rtl="0" eaLnBrk="1" fontAlgn="auto" latinLnBrk="0" hangingPunct="1">
              <a:lnSpc>
                <a:spcPct val="83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en-GB" sz="60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vel 9, Infographic</a:t>
            </a:r>
          </a:p>
        </p:txBody>
      </p:sp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E420160B-6554-4CF4-9DC8-2482946872AE}"/>
              </a:ext>
            </a:extLst>
          </p:cNvPr>
          <p:cNvSpPr/>
          <p:nvPr userDrawn="1"/>
        </p:nvSpPr>
        <p:spPr>
          <a:xfrm>
            <a:off x="0" y="0"/>
            <a:ext cx="12192000" cy="6857999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79500" y="1813147"/>
            <a:ext cx="8786021" cy="1655762"/>
          </a:xfrm>
        </p:spPr>
        <p:txBody>
          <a:bodyPr anchor="b"/>
          <a:lstStyle>
            <a:lvl1pPr algn="l">
              <a:lnSpc>
                <a:spcPct val="90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079500" y="3466800"/>
            <a:ext cx="8786020" cy="1655762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accent4"/>
                </a:solidFill>
              </a:defRPr>
            </a:lvl1pPr>
            <a:lvl2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1">
                <a:solidFill>
                  <a:schemeClr val="bg1"/>
                </a:solidFill>
              </a:defRPr>
            </a:lvl2pPr>
            <a:lvl3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3pPr>
            <a:lvl4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4pPr>
            <a:lvl5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5pPr>
            <a:lvl6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6pPr>
            <a:lvl7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7pPr>
            <a:lvl8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8pPr>
            <a:lvl9pPr marL="0" indent="0" algn="l">
              <a:lnSpc>
                <a:spcPct val="83000"/>
              </a:lnSpc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Datetemplafy" hidden="1">
            <a:extLst>
              <a:ext uri="{FF2B5EF4-FFF2-40B4-BE49-F238E27FC236}">
                <a16:creationId xmlns:a16="http://schemas.microsoft.com/office/drawing/2014/main" id="{0081A75D-5F52-497D-9568-67F6647CC748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1079500" y="1104632"/>
            <a:ext cx="2587671" cy="2783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ctr" defTabSz="914400" rtl="0" eaLnBrk="1" latinLnBrk="0" hangingPunct="1">
              <a:defRPr sz="600" b="0" kern="1200" cap="none" spc="0" baseline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DK" sz="1400" dirty="0">
                <a:solidFill>
                  <a:schemeClr val="bg1"/>
                </a:solidFill>
              </a:rPr>
              <a:t>31. December 2021</a:t>
            </a:r>
            <a:endParaRPr lang="en-GB" sz="1400" dirty="0">
              <a:solidFill>
                <a:schemeClr val="bg1"/>
              </a:solidFill>
            </a:endParaRP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48AF63C1-4156-1B8F-F74B-6DDB0126640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65521" y="1104889"/>
            <a:ext cx="1242548" cy="3855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4479811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34F51303-564C-4C80-9969-7066FD27FAF4}" type="datetime4">
              <a:rPr lang="en-GB" smtClean="0"/>
              <a:t>29 May 2024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E420160B-6554-4CF4-9DC8-2482946872AE}"/>
              </a:ext>
            </a:extLst>
          </p:cNvPr>
          <p:cNvSpPr/>
          <p:nvPr userDrawn="1"/>
        </p:nvSpPr>
        <p:spPr>
          <a:xfrm>
            <a:off x="0" y="0"/>
            <a:ext cx="12192000" cy="6857999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79500" y="1813147"/>
            <a:ext cx="8786022" cy="1655762"/>
          </a:xfrm>
        </p:spPr>
        <p:txBody>
          <a:bodyPr anchor="b"/>
          <a:lstStyle>
            <a:lvl1pPr algn="l">
              <a:lnSpc>
                <a:spcPct val="90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079500" y="3466800"/>
            <a:ext cx="8786020" cy="1655762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accent3"/>
                </a:solidFill>
              </a:defRPr>
            </a:lvl1pPr>
            <a:lvl2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1">
                <a:solidFill>
                  <a:schemeClr val="accent3"/>
                </a:solidFill>
              </a:defRPr>
            </a:lvl2pPr>
            <a:lvl3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3pPr>
            <a:lvl4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4pPr>
            <a:lvl5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5pPr>
            <a:lvl6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6pPr>
            <a:lvl7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7pPr>
            <a:lvl8pPr marL="0" indent="0" algn="l">
              <a:lnSpc>
                <a:spcPct val="83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8pPr>
            <a:lvl9pPr marL="0" indent="0" algn="l">
              <a:lnSpc>
                <a:spcPct val="83000"/>
              </a:lnSpc>
              <a:buFont typeface="Arial" panose="020B0604020202020204" pitchFamily="34" charset="0"/>
              <a:buChar char="​"/>
              <a:defRPr sz="6000" b="1">
                <a:solidFill>
                  <a:schemeClr val="bg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Datetemplafy" hidden="1">
            <a:extLst>
              <a:ext uri="{FF2B5EF4-FFF2-40B4-BE49-F238E27FC236}">
                <a16:creationId xmlns:a16="http://schemas.microsoft.com/office/drawing/2014/main" id="{0081A75D-5F52-497D-9568-67F6647CC748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1074738" y="1104632"/>
            <a:ext cx="2592434" cy="27839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ctr" defTabSz="914400" rtl="0" eaLnBrk="1" latinLnBrk="0" hangingPunct="1">
              <a:defRPr sz="600" b="0" kern="1200" cap="none" spc="0" baseline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DK" sz="1400" dirty="0">
                <a:solidFill>
                  <a:schemeClr val="bg1"/>
                </a:solidFill>
              </a:rPr>
              <a:t>31. December 2021</a:t>
            </a:r>
            <a:endParaRPr lang="en-GB" sz="1400" dirty="0">
              <a:solidFill>
                <a:schemeClr val="bg1"/>
              </a:solidFill>
            </a:endParaRP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9E920CC5-C2B9-2803-0182-CDDE57F5728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65521" y="1104889"/>
            <a:ext cx="1242548" cy="3855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40166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5" y="853200"/>
            <a:ext cx="11469688" cy="1277224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30424"/>
            <a:ext cx="11469688" cy="4032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A05BB0BC-2D9C-4C51-9DC9-D7D368F0266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6162675"/>
            <a:ext cx="11469688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E3B5394-EE5A-4E80-A654-0EC429A21F43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7935243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6" y="853200"/>
            <a:ext cx="11469688" cy="1277224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30424"/>
            <a:ext cx="5645150" cy="4032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1" name="Text Placeholder 16">
            <a:extLst>
              <a:ext uri="{FF2B5EF4-FFF2-40B4-BE49-F238E27FC236}">
                <a16:creationId xmlns:a16="http://schemas.microsoft.com/office/drawing/2014/main" id="{0F8E5BA1-5B76-405A-B065-F1217BC9C6C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6162675"/>
            <a:ext cx="11472862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DC42EEF-625B-4BBF-992C-430048070104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4ABDC6C2-4E8C-4DC7-B9DF-259365D0107E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7204075" y="2130424"/>
            <a:ext cx="4624388" cy="4032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03A63A45-2B07-4E5A-B477-DEECFD163F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6" y="853200"/>
            <a:ext cx="11469687" cy="1277224"/>
          </a:xfrm>
        </p:spPr>
        <p:txBody>
          <a:bodyPr/>
          <a:lstStyle/>
          <a:p>
            <a:r>
              <a:rPr lang="en-US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30424"/>
            <a:ext cx="3600025" cy="403225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9B5B7436-EE53-4E07-A1D2-21525B05FCA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6162675"/>
            <a:ext cx="11472862" cy="336550"/>
          </a:xfrm>
        </p:spPr>
        <p:txBody>
          <a:bodyPr anchor="b" anchorCtr="0"/>
          <a:lstStyle>
            <a:lvl1pPr marL="0" indent="0">
              <a:spcAft>
                <a:spcPts val="600"/>
              </a:spcAft>
              <a:buFont typeface="Arial" panose="020B0604020202020204" pitchFamily="34" charset="0"/>
              <a:buNone/>
              <a:defRPr sz="80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GB" dirty="0"/>
              <a:t>Click to add description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98FFEA5-A780-4345-BEF1-AAA5D1DFB73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358776" y="358775"/>
            <a:ext cx="2582862" cy="126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866F7DBA-EBA6-4169-A760-6D65A75ED3C3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8230025" y="2130426"/>
            <a:ext cx="3603199" cy="40322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14" name="Content Placeholder 3">
            <a:extLst>
              <a:ext uri="{FF2B5EF4-FFF2-40B4-BE49-F238E27FC236}">
                <a16:creationId xmlns:a16="http://schemas.microsoft.com/office/drawing/2014/main" id="{C89B27AF-2311-4D1F-AE32-93A67D7E23AB}"/>
              </a:ext>
            </a:extLst>
          </p:cNvPr>
          <p:cNvSpPr>
            <a:spLocks noGrp="1"/>
          </p:cNvSpPr>
          <p:nvPr>
            <p:ph sz="half" idx="19" hasCustomPrompt="1"/>
          </p:nvPr>
        </p:nvSpPr>
        <p:spPr>
          <a:xfrm>
            <a:off x="4292813" y="2130425"/>
            <a:ext cx="3603199" cy="40322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(Level 1) - Use Increase and Decrease to cycle through text levels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</p:spTree>
    <p:extLst>
      <p:ext uri="{BB962C8B-B14F-4D97-AF65-F5344CB8AC3E}">
        <p14:creationId xmlns:p14="http://schemas.microsoft.com/office/powerpoint/2010/main" val="225758855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tags" Target="../tags/tag12.xml"/><Relationship Id="rId68" Type="http://schemas.openxmlformats.org/officeDocument/2006/relationships/tags" Target="../tags/tag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tags" Target="../tags/tag2.xml"/><Relationship Id="rId58" Type="http://schemas.openxmlformats.org/officeDocument/2006/relationships/tags" Target="../tags/tag7.xml"/><Relationship Id="rId66" Type="http://schemas.openxmlformats.org/officeDocument/2006/relationships/tags" Target="../tags/tag15.xml"/><Relationship Id="rId74" Type="http://schemas.openxmlformats.org/officeDocument/2006/relationships/tags" Target="../tags/tag23.xml"/><Relationship Id="rId5" Type="http://schemas.openxmlformats.org/officeDocument/2006/relationships/slideLayout" Target="../slideLayouts/slideLayout5.xml"/><Relationship Id="rId61" Type="http://schemas.openxmlformats.org/officeDocument/2006/relationships/tags" Target="../tags/tag10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tags" Target="../tags/tag5.xml"/><Relationship Id="rId64" Type="http://schemas.openxmlformats.org/officeDocument/2006/relationships/tags" Target="../tags/tag13.xml"/><Relationship Id="rId69" Type="http://schemas.openxmlformats.org/officeDocument/2006/relationships/tags" Target="../tags/tag1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Relationship Id="rId72" Type="http://schemas.openxmlformats.org/officeDocument/2006/relationships/tags" Target="../tags/tag2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tags" Target="../tags/tag8.xml"/><Relationship Id="rId67" Type="http://schemas.openxmlformats.org/officeDocument/2006/relationships/tags" Target="../tags/tag1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tags" Target="../tags/tag3.xml"/><Relationship Id="rId62" Type="http://schemas.openxmlformats.org/officeDocument/2006/relationships/tags" Target="../tags/tag11.xml"/><Relationship Id="rId70" Type="http://schemas.openxmlformats.org/officeDocument/2006/relationships/tags" Target="../tags/tag19.xml"/><Relationship Id="rId75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tags" Target="../tags/tag6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tags" Target="../tags/tag1.xml"/><Relationship Id="rId60" Type="http://schemas.openxmlformats.org/officeDocument/2006/relationships/tags" Target="../tags/tag9.xml"/><Relationship Id="rId65" Type="http://schemas.openxmlformats.org/officeDocument/2006/relationships/tags" Target="../tags/tag14.xml"/><Relationship Id="rId73" Type="http://schemas.openxmlformats.org/officeDocument/2006/relationships/tags" Target="../tags/tag2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tags" Target="../tags/tag4.xml"/><Relationship Id="rId76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2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58774" y="2130424"/>
            <a:ext cx="11472863" cy="4032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, click to add text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, Report Bullet Report</a:t>
            </a:r>
          </a:p>
          <a:p>
            <a:pPr lvl="6"/>
            <a:r>
              <a:rPr lang="en-GB" noProof="0" dirty="0"/>
              <a:t>Level 7, Report Header</a:t>
            </a:r>
          </a:p>
          <a:p>
            <a:pPr lvl="7"/>
            <a:r>
              <a:rPr lang="en-GB" noProof="0" dirty="0"/>
              <a:t>Level 8, Report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6" y="852488"/>
            <a:ext cx="11469687" cy="12779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4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28.3465347&lt;/Left&gt;&#10;      &lt;Top&gt;28.3464565&lt;/Top&gt;&#10;      &lt;Width&gt;42.5196075&lt;/Width&gt;&#10;      &lt;Height&gt;483.3071&lt;/Height&gt;&#10;    &lt;/SubGrid&gt;&#10;    &lt;SubGrid&gt;&#10;      &lt;Left&gt;70.86614&lt;/Left&gt;&#10;      &lt;Top&gt;28.3464565&lt;/Top&gt;&#10;      &lt;Width&gt;14.1732283&lt;/Width&gt;&#10;      &lt;Height&gt;483.3071&lt;/Height&gt;&#10;    &lt;/SubGrid&gt;&#10;    &lt;SubGrid&gt;&#10;      &lt;Left&gt;888.8652&lt;/Left&gt;&#10;      &lt;Top&gt;28.3464565&lt;/Top&gt;&#10;      &lt;Width&gt;42.5196838&lt;/Width&gt;&#10;      &lt;Height&gt;483.3071&lt;/Height&gt;&#10;    &lt;/SubGrid&gt;&#10;    &lt;SubGrid&gt;&#10;      &lt;Left&gt;151.275589&lt;/Left&gt;&#10;      &lt;Top&gt;28.3464565&lt;/Top&gt;&#10;      &lt;Width&gt;14.1732283&lt;/Width&gt;&#10;      &lt;Height&gt;483.3071&lt;/Height&gt;&#10;    &lt;/SubGrid&gt;&#10;    &lt;SubGrid&gt;&#10;      &lt;Left&gt;874.691956&lt;/Left&gt;&#10;      &lt;Top&gt;28.3463&lt;/Top&gt;&#10;      &lt;Width&gt;14.1732283&lt;/Width&gt;&#10;      &lt;Height&gt;483.307&lt;/Height&gt;&#10;    &lt;/SubGrid&gt;&#10;    &lt;SubGrid&gt;&#10;      &lt;Left&gt;85.03937&lt;/Left&gt;&#10;      &lt;Top&gt;28.3464565&lt;/Top&gt;&#10;      &lt;Width&gt;66.23622&lt;/Width&gt;&#10;      &lt;Height&gt;483.3071&lt;/Height&gt;&#10;    &lt;/SubGrid&gt;&#10;    &lt;SubGrid&gt;&#10;      &lt;Left&gt;231.685043&lt;/Left&gt;&#10;      &lt;Top&gt;28.3464565&lt;/Top&gt;&#10;      &lt;Width&gt;14.1732283&lt;/Width&gt;&#10;      &lt;Height&gt;483.3071&lt;/Height&gt;&#10;    &lt;/SubGrid&gt;&#10;    &lt;SubGrid&gt;&#10;      &lt;Left&gt;165.448822&lt;/Left&gt;&#10;      &lt;Top&gt;28.3464565&lt;/Top&gt;&#10;      &lt;Width&gt;66.23622&lt;/Width&gt;&#10;      &lt;Height&gt;483.3071&lt;/Height&gt;&#10;    &lt;/SubGrid&gt;&#10;    &lt;SubGrid&gt;&#10;      &lt;Left&gt;312.094482&lt;/Left&gt;&#10;      &lt;Top&gt;28.3464565&lt;/Top&gt;&#10;      &lt;Width&gt;14.1732283&lt;/Width&gt;&#10;      &lt;Height&gt;483.3071&lt;/Height&gt;&#10;    &lt;/SubGrid&gt;&#10;    &lt;SubGrid&gt;&#10;      &lt;Left&gt;245.858261&lt;/Left&gt;&#10;      &lt;Top&gt;28.3464565&lt;/Top&gt;&#10;      &lt;Width&gt;66.23622&lt;/Width&gt;&#10;      &lt;Height&gt;483.3071&lt;/Height&gt;&#10;    &lt;/SubGrid&gt;&#10;    &lt;SubGrid&gt;&#10;      &lt;Left&gt;392.503937&lt;/Left&gt;&#10;      &lt;Top&gt;28.3464565&lt;/Top&gt;&#10;      &lt;Width&gt;14.1732283&lt;/Width&gt;&#10;      &lt;Height&gt;483.3071&lt;/Height&gt;&#10;    &lt;/SubGrid&gt;&#10;    &lt;SubGrid&gt;&#10;      &lt;Left&gt;326.267731&lt;/Left&gt;&#10;      &lt;Top&gt;28.3464565&lt;/Top&gt;&#10;      &lt;Width&gt;66.23622&lt;/Width&gt;&#10;      &lt;Height&gt;483.3071&lt;/Height&gt;&#10;    &lt;/SubGrid&gt;&#10;    &lt;SubGrid&gt;&#10;      &lt;Left&gt;472.779053&lt;/Left&gt;&#10;      &lt;Top&gt;28.3464565&lt;/Top&gt;&#10;      &lt;Width&gt;14.1732283&lt;/Width&gt;&#10;      &lt;Height&gt;483.3071&lt;/Height&gt;&#10;    &lt;/SubGrid&gt;&#10;    &lt;SubGrid&gt;&#10;      &lt;Left&gt;406.542847&lt;/Left&gt;&#10;      &lt;Top&gt;28.3464565&lt;/Top&gt;&#10;      &lt;Width&gt;66.23622&lt;/Width&gt;&#10;      &lt;Height&gt;483.3071&lt;/Height&gt;&#10;    &lt;/SubGrid&gt;&#10;    &lt;SubGrid&gt;&#10;      &lt;Left&gt;553.1885&lt;/Left&gt;&#10;      &lt;Top&gt;28.3464565&lt;/Top&gt;&#10;      &lt;Width&gt;14.1732283&lt;/Width&gt;&#10;      &lt;Height&gt;483.3071&lt;/Height&gt;&#10;    &lt;/SubGrid&gt;&#10;    &lt;SubGrid&gt;&#10;      &lt;Left&gt;486.952271&lt;/Left&gt;&#10;      &lt;Top&gt;28.3464565&lt;/Top&gt;&#10;      &lt;Width&gt;66.23622&lt;/Width&gt;&#10;      &lt;Height&gt;483.3071&lt;/Height&gt;&#10;    &lt;/SubGrid&gt;&#10;    &lt;SubGrid&gt;&#10;      &lt;Left&gt;633.597961&lt;/Left&gt;&#10;      &lt;Top&gt;28.3464565&lt;/Top&gt;&#10;      &lt;Width&gt;14.1732283&lt;/Width&gt;&#10;      &lt;Height&gt;483.3071&lt;/Height&gt;&#10;    &lt;/SubGrid&gt;&#10;    &lt;SubGrid&gt;&#10;      &lt;Left&gt;567.361755&lt;/Left&gt;&#10;      &lt;Top&gt;28.3464565&lt;/Top&gt;&#10;      &lt;Width&gt;66.23622&lt;/Width&gt;&#10;      &lt;Height&gt;483.3071&lt;/Height&gt;&#10;    &lt;/SubGrid&gt;&#10;    &lt;SubGrid&gt;&#10;      &lt;Left&gt;714.0074&lt;/Left&gt;&#10;      &lt;Top&gt;28.3464565&lt;/Top&gt;&#10;      &lt;Width&gt;14.1732283&lt;/Width&gt;&#10;      &lt;Height&gt;483.3071&lt;/Height&gt;&#10;    &lt;/SubGrid&gt;&#10;    &lt;SubGrid&gt;&#10;      &lt;Left&gt;647.7712&lt;/Left&gt;&#10;      &lt;Top&gt;28.3464565&lt;/Top&gt;&#10;      &lt;Width&gt;66.23622&lt;/Width&gt;&#10;      &lt;Height&gt;483.3071&lt;/Height&gt;&#10;    &lt;/SubGrid&gt;&#10;    &lt;SubGrid&gt;&#10;      &lt;Left&gt;794.282532&lt;/Left&gt;&#10;      &lt;Top&gt;28.3460636&lt;/Top&gt;&#10;      &lt;Width&gt;14.1732283&lt;/Width&gt;&#10;      &lt;Height&gt;483.3071&lt;/Height&gt;&#10;    &lt;/SubGrid&gt;&#10;    &lt;SubGrid&gt;&#10;      &lt;Left&gt;728.0463&lt;/Left&gt;&#10;      &lt;Top&gt;28.3460636&lt;/Top&gt;&#10;      &lt;Width&gt;66.23622&lt;/Width&gt;&#10;      &lt;Height&gt;483.3071&lt;/Height&gt;&#10;    &lt;/SubGrid&gt;&#10;    &lt;SubGrid&gt;&#10;      &lt;Left&gt;808.45575&lt;/Left&gt;&#10;      &lt;Top&gt;28.3460636&lt;/Top&gt;&#10;      &lt;Width&gt;66.23622&lt;/Width&gt;&#10;      &lt;Height&gt;483.3071&lt;/Height&gt;&#10;    &lt;/SubGrid&gt;&#10;  &lt;/SubGrids&gt;&#10;  &lt;WorkArea&gt;&#10;    &lt;Top&gt;28.3460636&lt;/Top&gt;&#10;    &lt;Left&gt;28.3465347&lt;/Left&gt;&#10;    &lt;Width&gt;903.0383&lt;/Width&gt;&#10;    &lt;Height&gt;483.3075&lt;/Height&gt;&#10;  &lt;/WorkArea&gt;&#10;  &lt;AspectW&gt;16&lt;/AspectW&gt;&#10;  &lt;AspectH&gt;9&lt;/AspectH&gt;&#10;  &lt;Width&gt;960&lt;/Width&gt;&#10;  &lt;Height&gt;540&lt;/Height&gt;&#10;  &lt;HGap&gt;10&lt;/HGap&gt;&#10;  &lt;VGap&gt;10&lt;/VGap&gt;&#10;  &lt;OfficeVersion&gt;16&lt;/OfficeVersion&gt;&#10;&lt;/GridTheme&gt;" hidden="1">
            <a:extLst>
              <a:ext uri="{FF2B5EF4-FFF2-40B4-BE49-F238E27FC236}">
                <a16:creationId xmlns:a16="http://schemas.microsoft.com/office/drawing/2014/main" id="{48A965A8-A3B1-49BD-90A2-EDB536B313CA}"/>
              </a:ext>
            </a:extLst>
          </p:cNvPr>
          <p:cNvSpPr/>
          <p:nvPr userDrawn="1"/>
        </p:nvSpPr>
        <p:spPr>
          <a:xfrm>
            <a:off x="360001" y="359995"/>
            <a:ext cx="11468587" cy="6138005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7BEEF77A-B60F-4A47-AA70-7207E9F3D6AB}"/>
              </a:ext>
            </a:extLst>
          </p:cNvPr>
          <p:cNvSpPr/>
          <p:nvPr userDrawn="1">
            <p:custDataLst>
              <p:tags r:id="rId52"/>
            </p:custDataLst>
          </p:nvPr>
        </p:nvSpPr>
        <p:spPr>
          <a:xfrm>
            <a:off x="360001" y="360000"/>
            <a:ext cx="539999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BB80B0B5-C74D-4130-96CB-35E16ECC6B9F}"/>
              </a:ext>
            </a:extLst>
          </p:cNvPr>
          <p:cNvSpPr/>
          <p:nvPr userDrawn="1">
            <p:custDataLst>
              <p:tags r:id="rId53"/>
            </p:custDataLst>
          </p:nvPr>
        </p:nvSpPr>
        <p:spPr>
          <a:xfrm>
            <a:off x="900000" y="360000"/>
            <a:ext cx="1800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E77E980C-FB25-4C7A-A728-3C6C3A398BFC}"/>
              </a:ext>
            </a:extLst>
          </p:cNvPr>
          <p:cNvSpPr/>
          <p:nvPr userDrawn="1">
            <p:custDataLst>
              <p:tags r:id="rId54"/>
            </p:custDataLst>
          </p:nvPr>
        </p:nvSpPr>
        <p:spPr>
          <a:xfrm>
            <a:off x="11288588" y="360000"/>
            <a:ext cx="5400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B704A9BA-0410-4232-92E6-41C4E4DE51DB}"/>
              </a:ext>
            </a:extLst>
          </p:cNvPr>
          <p:cNvSpPr/>
          <p:nvPr userDrawn="1">
            <p:custDataLst>
              <p:tags r:id="rId55"/>
            </p:custDataLst>
          </p:nvPr>
        </p:nvSpPr>
        <p:spPr>
          <a:xfrm>
            <a:off x="1921200" y="360000"/>
            <a:ext cx="1800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0" name="Rectangle 19" hidden="1">
            <a:extLst>
              <a:ext uri="{FF2B5EF4-FFF2-40B4-BE49-F238E27FC236}">
                <a16:creationId xmlns:a16="http://schemas.microsoft.com/office/drawing/2014/main" id="{549AD263-2C18-47F1-AA97-C9948942774B}"/>
              </a:ext>
            </a:extLst>
          </p:cNvPr>
          <p:cNvSpPr/>
          <p:nvPr userDrawn="1">
            <p:custDataLst>
              <p:tags r:id="rId56"/>
            </p:custDataLst>
          </p:nvPr>
        </p:nvSpPr>
        <p:spPr>
          <a:xfrm>
            <a:off x="11108588" y="359998"/>
            <a:ext cx="180000" cy="6137999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1" name="Rectangle 20" hidden="1">
            <a:extLst>
              <a:ext uri="{FF2B5EF4-FFF2-40B4-BE49-F238E27FC236}">
                <a16:creationId xmlns:a16="http://schemas.microsoft.com/office/drawing/2014/main" id="{46C5D0B6-F174-4C4F-B045-D1CEEB886AB2}"/>
              </a:ext>
            </a:extLst>
          </p:cNvPr>
          <p:cNvSpPr/>
          <p:nvPr userDrawn="1">
            <p:custDataLst>
              <p:tags r:id="rId57"/>
            </p:custDataLst>
          </p:nvPr>
        </p:nvSpPr>
        <p:spPr>
          <a:xfrm>
            <a:off x="1080000" y="360000"/>
            <a:ext cx="8412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2" name="Rectangle 21" hidden="1">
            <a:extLst>
              <a:ext uri="{FF2B5EF4-FFF2-40B4-BE49-F238E27FC236}">
                <a16:creationId xmlns:a16="http://schemas.microsoft.com/office/drawing/2014/main" id="{3A312562-C27E-4967-8C3C-A03D331A9395}"/>
              </a:ext>
            </a:extLst>
          </p:cNvPr>
          <p:cNvSpPr/>
          <p:nvPr userDrawn="1">
            <p:custDataLst>
              <p:tags r:id="rId58"/>
            </p:custDataLst>
          </p:nvPr>
        </p:nvSpPr>
        <p:spPr>
          <a:xfrm>
            <a:off x="2942400" y="360000"/>
            <a:ext cx="1800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3" name="Rectangle 22" hidden="1">
            <a:extLst>
              <a:ext uri="{FF2B5EF4-FFF2-40B4-BE49-F238E27FC236}">
                <a16:creationId xmlns:a16="http://schemas.microsoft.com/office/drawing/2014/main" id="{23656B2B-5F00-4D1A-AB6A-8C6F07E7F712}"/>
              </a:ext>
            </a:extLst>
          </p:cNvPr>
          <p:cNvSpPr/>
          <p:nvPr userDrawn="1">
            <p:custDataLst>
              <p:tags r:id="rId59"/>
            </p:custDataLst>
          </p:nvPr>
        </p:nvSpPr>
        <p:spPr>
          <a:xfrm>
            <a:off x="2101200" y="360000"/>
            <a:ext cx="8412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4" name="Rectangle 23" hidden="1">
            <a:extLst>
              <a:ext uri="{FF2B5EF4-FFF2-40B4-BE49-F238E27FC236}">
                <a16:creationId xmlns:a16="http://schemas.microsoft.com/office/drawing/2014/main" id="{34B24E48-3E15-4D70-A68D-98C76903B25C}"/>
              </a:ext>
            </a:extLst>
          </p:cNvPr>
          <p:cNvSpPr/>
          <p:nvPr userDrawn="1">
            <p:custDataLst>
              <p:tags r:id="rId60"/>
            </p:custDataLst>
          </p:nvPr>
        </p:nvSpPr>
        <p:spPr>
          <a:xfrm>
            <a:off x="3963600" y="360000"/>
            <a:ext cx="1800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5" name="Rectangle 24" hidden="1">
            <a:extLst>
              <a:ext uri="{FF2B5EF4-FFF2-40B4-BE49-F238E27FC236}">
                <a16:creationId xmlns:a16="http://schemas.microsoft.com/office/drawing/2014/main" id="{59999D91-DF32-46FA-B1BA-89C63AD3AA5F}"/>
              </a:ext>
            </a:extLst>
          </p:cNvPr>
          <p:cNvSpPr/>
          <p:nvPr userDrawn="1">
            <p:custDataLst>
              <p:tags r:id="rId61"/>
            </p:custDataLst>
          </p:nvPr>
        </p:nvSpPr>
        <p:spPr>
          <a:xfrm>
            <a:off x="3122400" y="360000"/>
            <a:ext cx="8412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6" name="Rectangle 25" hidden="1">
            <a:extLst>
              <a:ext uri="{FF2B5EF4-FFF2-40B4-BE49-F238E27FC236}">
                <a16:creationId xmlns:a16="http://schemas.microsoft.com/office/drawing/2014/main" id="{A2FF1D37-A3A5-4035-91B3-CB4C3BB9C125}"/>
              </a:ext>
            </a:extLst>
          </p:cNvPr>
          <p:cNvSpPr/>
          <p:nvPr userDrawn="1">
            <p:custDataLst>
              <p:tags r:id="rId62"/>
            </p:custDataLst>
          </p:nvPr>
        </p:nvSpPr>
        <p:spPr>
          <a:xfrm>
            <a:off x="4984800" y="360000"/>
            <a:ext cx="1800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7" name="Rectangle 26" hidden="1">
            <a:extLst>
              <a:ext uri="{FF2B5EF4-FFF2-40B4-BE49-F238E27FC236}">
                <a16:creationId xmlns:a16="http://schemas.microsoft.com/office/drawing/2014/main" id="{40A13607-6B53-40C2-8465-CB684738536B}"/>
              </a:ext>
            </a:extLst>
          </p:cNvPr>
          <p:cNvSpPr/>
          <p:nvPr userDrawn="1">
            <p:custDataLst>
              <p:tags r:id="rId63"/>
            </p:custDataLst>
          </p:nvPr>
        </p:nvSpPr>
        <p:spPr>
          <a:xfrm>
            <a:off x="4143600" y="360000"/>
            <a:ext cx="8412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8" name="Rectangle 27" hidden="1">
            <a:extLst>
              <a:ext uri="{FF2B5EF4-FFF2-40B4-BE49-F238E27FC236}">
                <a16:creationId xmlns:a16="http://schemas.microsoft.com/office/drawing/2014/main" id="{97E3BEE0-025C-4FC4-BD41-89D44607D81C}"/>
              </a:ext>
            </a:extLst>
          </p:cNvPr>
          <p:cNvSpPr/>
          <p:nvPr userDrawn="1">
            <p:custDataLst>
              <p:tags r:id="rId64"/>
            </p:custDataLst>
          </p:nvPr>
        </p:nvSpPr>
        <p:spPr>
          <a:xfrm>
            <a:off x="6004294" y="360000"/>
            <a:ext cx="1800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9" name="Rectangle 28" hidden="1">
            <a:extLst>
              <a:ext uri="{FF2B5EF4-FFF2-40B4-BE49-F238E27FC236}">
                <a16:creationId xmlns:a16="http://schemas.microsoft.com/office/drawing/2014/main" id="{7B6A05FA-A7D7-4C4E-B21A-3CD6DD8DC24D}"/>
              </a:ext>
            </a:extLst>
          </p:cNvPr>
          <p:cNvSpPr/>
          <p:nvPr userDrawn="1">
            <p:custDataLst>
              <p:tags r:id="rId65"/>
            </p:custDataLst>
          </p:nvPr>
        </p:nvSpPr>
        <p:spPr>
          <a:xfrm>
            <a:off x="5163094" y="360000"/>
            <a:ext cx="8412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0" name="Rectangle 29" hidden="1">
            <a:extLst>
              <a:ext uri="{FF2B5EF4-FFF2-40B4-BE49-F238E27FC236}">
                <a16:creationId xmlns:a16="http://schemas.microsoft.com/office/drawing/2014/main" id="{24E133DA-B1AE-4755-8ACD-C542CC1843C5}"/>
              </a:ext>
            </a:extLst>
          </p:cNvPr>
          <p:cNvSpPr/>
          <p:nvPr userDrawn="1">
            <p:custDataLst>
              <p:tags r:id="rId66"/>
            </p:custDataLst>
          </p:nvPr>
        </p:nvSpPr>
        <p:spPr>
          <a:xfrm>
            <a:off x="7025494" y="360000"/>
            <a:ext cx="1800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1" name="Rectangle 30" hidden="1">
            <a:extLst>
              <a:ext uri="{FF2B5EF4-FFF2-40B4-BE49-F238E27FC236}">
                <a16:creationId xmlns:a16="http://schemas.microsoft.com/office/drawing/2014/main" id="{2063D919-C464-4008-939E-667CDF8D11CF}"/>
              </a:ext>
            </a:extLst>
          </p:cNvPr>
          <p:cNvSpPr/>
          <p:nvPr userDrawn="1">
            <p:custDataLst>
              <p:tags r:id="rId67"/>
            </p:custDataLst>
          </p:nvPr>
        </p:nvSpPr>
        <p:spPr>
          <a:xfrm>
            <a:off x="6184294" y="360000"/>
            <a:ext cx="8412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2" name="Rectangle 31" hidden="1">
            <a:extLst>
              <a:ext uri="{FF2B5EF4-FFF2-40B4-BE49-F238E27FC236}">
                <a16:creationId xmlns:a16="http://schemas.microsoft.com/office/drawing/2014/main" id="{807A60DA-5424-41A1-8BFD-3CDF85638017}"/>
              </a:ext>
            </a:extLst>
          </p:cNvPr>
          <p:cNvSpPr/>
          <p:nvPr userDrawn="1">
            <p:custDataLst>
              <p:tags r:id="rId68"/>
            </p:custDataLst>
          </p:nvPr>
        </p:nvSpPr>
        <p:spPr>
          <a:xfrm>
            <a:off x="8046694" y="360000"/>
            <a:ext cx="1800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3" name="Rectangle 32" hidden="1">
            <a:extLst>
              <a:ext uri="{FF2B5EF4-FFF2-40B4-BE49-F238E27FC236}">
                <a16:creationId xmlns:a16="http://schemas.microsoft.com/office/drawing/2014/main" id="{307BC48C-682B-4F54-9759-EED0D2B10E01}"/>
              </a:ext>
            </a:extLst>
          </p:cNvPr>
          <p:cNvSpPr/>
          <p:nvPr userDrawn="1">
            <p:custDataLst>
              <p:tags r:id="rId69"/>
            </p:custDataLst>
          </p:nvPr>
        </p:nvSpPr>
        <p:spPr>
          <a:xfrm>
            <a:off x="7205494" y="360000"/>
            <a:ext cx="8412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4" name="Rectangle 33" hidden="1">
            <a:extLst>
              <a:ext uri="{FF2B5EF4-FFF2-40B4-BE49-F238E27FC236}">
                <a16:creationId xmlns:a16="http://schemas.microsoft.com/office/drawing/2014/main" id="{25D17EAC-BC74-4A80-88D9-6AFB6016636C}"/>
              </a:ext>
            </a:extLst>
          </p:cNvPr>
          <p:cNvSpPr/>
          <p:nvPr userDrawn="1">
            <p:custDataLst>
              <p:tags r:id="rId70"/>
            </p:custDataLst>
          </p:nvPr>
        </p:nvSpPr>
        <p:spPr>
          <a:xfrm>
            <a:off x="9067894" y="360000"/>
            <a:ext cx="1800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5" name="Rectangle 34" hidden="1">
            <a:extLst>
              <a:ext uri="{FF2B5EF4-FFF2-40B4-BE49-F238E27FC236}">
                <a16:creationId xmlns:a16="http://schemas.microsoft.com/office/drawing/2014/main" id="{EDBB398E-F630-49A1-86D7-5684FB1C0F0F}"/>
              </a:ext>
            </a:extLst>
          </p:cNvPr>
          <p:cNvSpPr/>
          <p:nvPr userDrawn="1">
            <p:custDataLst>
              <p:tags r:id="rId71"/>
            </p:custDataLst>
          </p:nvPr>
        </p:nvSpPr>
        <p:spPr>
          <a:xfrm>
            <a:off x="8226694" y="360000"/>
            <a:ext cx="8412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6" name="Rectangle 35" hidden="1">
            <a:extLst>
              <a:ext uri="{FF2B5EF4-FFF2-40B4-BE49-F238E27FC236}">
                <a16:creationId xmlns:a16="http://schemas.microsoft.com/office/drawing/2014/main" id="{6210E7EF-6260-458D-8861-3FF1794BECFC}"/>
              </a:ext>
            </a:extLst>
          </p:cNvPr>
          <p:cNvSpPr/>
          <p:nvPr userDrawn="1">
            <p:custDataLst>
              <p:tags r:id="rId72"/>
            </p:custDataLst>
          </p:nvPr>
        </p:nvSpPr>
        <p:spPr>
          <a:xfrm>
            <a:off x="10087388" y="359995"/>
            <a:ext cx="1800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7" name="Rectangle 36" hidden="1">
            <a:extLst>
              <a:ext uri="{FF2B5EF4-FFF2-40B4-BE49-F238E27FC236}">
                <a16:creationId xmlns:a16="http://schemas.microsoft.com/office/drawing/2014/main" id="{35D01BFF-B1A0-44B3-A227-D826B9BA1A28}"/>
              </a:ext>
            </a:extLst>
          </p:cNvPr>
          <p:cNvSpPr/>
          <p:nvPr userDrawn="1">
            <p:custDataLst>
              <p:tags r:id="rId73"/>
            </p:custDataLst>
          </p:nvPr>
        </p:nvSpPr>
        <p:spPr>
          <a:xfrm>
            <a:off x="9246188" y="359995"/>
            <a:ext cx="8412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8" name="Rectangle 37" hidden="1">
            <a:extLst>
              <a:ext uri="{FF2B5EF4-FFF2-40B4-BE49-F238E27FC236}">
                <a16:creationId xmlns:a16="http://schemas.microsoft.com/office/drawing/2014/main" id="{C1692A1D-B5FE-4138-8147-7AA8D7459E83}"/>
              </a:ext>
            </a:extLst>
          </p:cNvPr>
          <p:cNvSpPr/>
          <p:nvPr userDrawn="1">
            <p:custDataLst>
              <p:tags r:id="rId74"/>
            </p:custDataLst>
          </p:nvPr>
        </p:nvSpPr>
        <p:spPr>
          <a:xfrm>
            <a:off x="10267388" y="359995"/>
            <a:ext cx="841200" cy="6138000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4" name="Date Placeholder 1">
            <a:extLst>
              <a:ext uri="{FF2B5EF4-FFF2-40B4-BE49-F238E27FC236}">
                <a16:creationId xmlns:a16="http://schemas.microsoft.com/office/drawing/2014/main" id="{6F3D1C67-0EF2-A563-B0DA-284685B2B99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4143376" y="358775"/>
            <a:ext cx="1860550" cy="1260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fld id="{8135CB29-4794-4E0C-8913-88A554F54B7A}" type="datetime4">
              <a:rPr lang="en-GB" smtClean="0"/>
              <a:t>29 May 2024</a:t>
            </a:fld>
            <a:endParaRPr lang="en-GB" dirty="0"/>
          </a:p>
        </p:txBody>
      </p:sp>
      <p:sp>
        <p:nvSpPr>
          <p:cNvPr id="15" name="Footer Placeholder 7">
            <a:extLst>
              <a:ext uri="{FF2B5EF4-FFF2-40B4-BE49-F238E27FC236}">
                <a16:creationId xmlns:a16="http://schemas.microsoft.com/office/drawing/2014/main" id="{C1C41964-FF79-4D8B-D030-87E7E19D3F2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079500" y="358775"/>
            <a:ext cx="2882900" cy="1260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Slide Number Placeholder 8">
            <a:extLst>
              <a:ext uri="{FF2B5EF4-FFF2-40B4-BE49-F238E27FC236}">
                <a16:creationId xmlns:a16="http://schemas.microsoft.com/office/drawing/2014/main" id="{317015B4-2D35-19F5-E9C5-65AAE8DA82A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58775" y="358775"/>
            <a:ext cx="348985" cy="1260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9" name="Pladsholder til billede 60">
            <a:extLst>
              <a:ext uri="{FF2B5EF4-FFF2-40B4-BE49-F238E27FC236}">
                <a16:creationId xmlns:a16="http://schemas.microsoft.com/office/drawing/2014/main" id="{ED442FED-E8AD-B86F-B2F2-AE1C3F0E26C6}"/>
              </a:ext>
            </a:extLst>
          </p:cNvPr>
          <p:cNvSpPr txBox="1">
            <a:spLocks/>
          </p:cNvSpPr>
          <p:nvPr userDrawn="1"/>
        </p:nvSpPr>
        <p:spPr>
          <a:xfrm>
            <a:off x="10872789" y="358775"/>
            <a:ext cx="955674" cy="296641"/>
          </a:xfrm>
          <a:prstGeom prst="rect">
            <a:avLst/>
          </a:prstGeom>
          <a:blipFill>
            <a:blip r:embed="rId75">
              <a:extLst>
                <a:ext uri="{96DAC541-7B7A-43D3-8B79-37D633B846F1}">
                  <asvg:svgBlip xmlns:asvg="http://schemas.microsoft.com/office/drawing/2016/SVG/main" r:embed="rId76"/>
                </a:ext>
              </a:extLst>
            </a:blip>
            <a:stretch>
              <a:fillRect t="-1" b="-1"/>
            </a:stretch>
          </a:blipFill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tabLst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83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 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4" r:id="rId1"/>
    <p:sldLayoutId id="2147483730" r:id="rId2"/>
    <p:sldLayoutId id="2147483729" r:id="rId3"/>
    <p:sldLayoutId id="2147483772" r:id="rId4"/>
    <p:sldLayoutId id="2147483773" r:id="rId5"/>
    <p:sldLayoutId id="2147483774" r:id="rId6"/>
    <p:sldLayoutId id="2147483787" r:id="rId7"/>
    <p:sldLayoutId id="2147483755" r:id="rId8"/>
    <p:sldLayoutId id="2147483769" r:id="rId9"/>
    <p:sldLayoutId id="2147483767" r:id="rId10"/>
    <p:sldLayoutId id="2147483798" r:id="rId11"/>
    <p:sldLayoutId id="2147483799" r:id="rId12"/>
    <p:sldLayoutId id="2147483800" r:id="rId13"/>
    <p:sldLayoutId id="2147483801" r:id="rId14"/>
    <p:sldLayoutId id="2147483806" r:id="rId15"/>
    <p:sldLayoutId id="2147483807" r:id="rId16"/>
    <p:sldLayoutId id="2147483808" r:id="rId17"/>
    <p:sldLayoutId id="2147483809" r:id="rId18"/>
    <p:sldLayoutId id="2147483802" r:id="rId19"/>
    <p:sldLayoutId id="2147483803" r:id="rId20"/>
    <p:sldLayoutId id="2147483804" r:id="rId21"/>
    <p:sldLayoutId id="2147483805" r:id="rId22"/>
    <p:sldLayoutId id="2147483785" r:id="rId23"/>
    <p:sldLayoutId id="2147483757" r:id="rId24"/>
    <p:sldLayoutId id="2147483731" r:id="rId25"/>
    <p:sldLayoutId id="2147483777" r:id="rId26"/>
    <p:sldLayoutId id="2147483779" r:id="rId27"/>
    <p:sldLayoutId id="2147483781" r:id="rId28"/>
    <p:sldLayoutId id="2147483794" r:id="rId29"/>
    <p:sldLayoutId id="2147483795" r:id="rId30"/>
    <p:sldLayoutId id="2147483811" r:id="rId31"/>
    <p:sldLayoutId id="2147483786" r:id="rId32"/>
    <p:sldLayoutId id="2147483783" r:id="rId33"/>
    <p:sldLayoutId id="2147483812" r:id="rId34"/>
    <p:sldLayoutId id="2147483792" r:id="rId35"/>
    <p:sldLayoutId id="2147483793" r:id="rId36"/>
    <p:sldLayoutId id="2147483813" r:id="rId37"/>
    <p:sldLayoutId id="2147483796" r:id="rId38"/>
    <p:sldLayoutId id="2147483797" r:id="rId39"/>
    <p:sldLayoutId id="2147483814" r:id="rId40"/>
    <p:sldLayoutId id="2147483763" r:id="rId41"/>
    <p:sldLayoutId id="2147483810" r:id="rId42"/>
    <p:sldLayoutId id="2147483765" r:id="rId43"/>
    <p:sldLayoutId id="2147483744" r:id="rId44"/>
    <p:sldLayoutId id="2147483789" r:id="rId45"/>
    <p:sldLayoutId id="2147483788" r:id="rId46"/>
    <p:sldLayoutId id="2147483790" r:id="rId47"/>
    <p:sldLayoutId id="2147483791" r:id="rId48"/>
    <p:sldLayoutId id="2147483762" r:id="rId49"/>
    <p:sldLayoutId id="2147483751" r:id="rId50"/>
  </p:sldLayoutIdLst>
  <p:hf hd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40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4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3000"/>
        </a:lnSpc>
        <a:spcBef>
          <a:spcPts val="1800"/>
        </a:spcBef>
        <a:spcAft>
          <a:spcPts val="0"/>
        </a:spcAft>
        <a:buFont typeface="Arial" panose="020B0604020202020204" pitchFamily="34" charset="0"/>
        <a:buChar char="​"/>
        <a:defRPr sz="60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 userDrawn="1">
          <p15:clr>
            <a:srgbClr val="F26B43"/>
          </p15:clr>
        </p15:guide>
        <p15:guide id="2" pos="566" userDrawn="1">
          <p15:clr>
            <a:srgbClr val="F26B43"/>
          </p15:clr>
        </p15:guide>
        <p15:guide id="3" orient="horz" pos="226" userDrawn="1">
          <p15:clr>
            <a:srgbClr val="F26B43"/>
          </p15:clr>
        </p15:guide>
        <p15:guide id="4" orient="horz" pos="4093" userDrawn="1">
          <p15:clr>
            <a:srgbClr val="F26B43"/>
          </p15:clr>
        </p15:guide>
        <p15:guide id="5" pos="680" userDrawn="1">
          <p15:clr>
            <a:srgbClr val="F26B43"/>
          </p15:clr>
        </p15:guide>
        <p15:guide id="6" pos="7110" userDrawn="1">
          <p15:clr>
            <a:srgbClr val="F26B43"/>
          </p15:clr>
        </p15:guide>
        <p15:guide id="7" pos="7451" userDrawn="1">
          <p15:clr>
            <a:srgbClr val="F26B43"/>
          </p15:clr>
        </p15:guide>
        <p15:guide id="8" pos="1210" userDrawn="1">
          <p15:clr>
            <a:srgbClr val="F26B43"/>
          </p15:clr>
        </p15:guide>
        <p15:guide id="9" pos="1323" userDrawn="1">
          <p15:clr>
            <a:srgbClr val="F26B43"/>
          </p15:clr>
        </p15:guide>
        <p15:guide id="10" pos="6997" userDrawn="1">
          <p15:clr>
            <a:srgbClr val="F26B43"/>
          </p15:clr>
        </p15:guide>
        <p15:guide id="11" pos="1853" userDrawn="1">
          <p15:clr>
            <a:srgbClr val="F26B43"/>
          </p15:clr>
        </p15:guide>
        <p15:guide id="12" pos="1966" userDrawn="1">
          <p15:clr>
            <a:srgbClr val="F26B43"/>
          </p15:clr>
        </p15:guide>
        <p15:guide id="13" pos="2496" userDrawn="1">
          <p15:clr>
            <a:srgbClr val="F26B43"/>
          </p15:clr>
        </p15:guide>
        <p15:guide id="14" pos="2610" userDrawn="1">
          <p15:clr>
            <a:srgbClr val="F26B43"/>
          </p15:clr>
        </p15:guide>
        <p15:guide id="15" pos="3140" userDrawn="1">
          <p15:clr>
            <a:srgbClr val="F26B43"/>
          </p15:clr>
        </p15:guide>
        <p15:guide id="17" pos="3782" userDrawn="1">
          <p15:clr>
            <a:srgbClr val="F26B43"/>
          </p15:clr>
        </p15:guide>
        <p15:guide id="18" pos="3895" userDrawn="1">
          <p15:clr>
            <a:srgbClr val="F26B43"/>
          </p15:clr>
        </p15:guide>
        <p15:guide id="19" pos="3252" userDrawn="1">
          <p15:clr>
            <a:srgbClr val="F26B43"/>
          </p15:clr>
        </p15:guide>
        <p15:guide id="20" pos="4425" userDrawn="1">
          <p15:clr>
            <a:srgbClr val="F26B43"/>
          </p15:clr>
        </p15:guide>
        <p15:guide id="21" pos="4538" userDrawn="1">
          <p15:clr>
            <a:srgbClr val="F26B43"/>
          </p15:clr>
        </p15:guide>
        <p15:guide id="22" pos="5068" userDrawn="1">
          <p15:clr>
            <a:srgbClr val="F26B43"/>
          </p15:clr>
        </p15:guide>
        <p15:guide id="23" pos="5182" userDrawn="1">
          <p15:clr>
            <a:srgbClr val="F26B43"/>
          </p15:clr>
        </p15:guide>
        <p15:guide id="24" pos="5712" userDrawn="1">
          <p15:clr>
            <a:srgbClr val="F26B43"/>
          </p15:clr>
        </p15:guide>
        <p15:guide id="26" pos="6354" userDrawn="1">
          <p15:clr>
            <a:srgbClr val="F26B43"/>
          </p15:clr>
        </p15:guide>
        <p15:guide id="27" pos="6467" userDrawn="1">
          <p15:clr>
            <a:srgbClr val="F26B43"/>
          </p15:clr>
        </p15:guide>
        <p15:guide id="28" pos="5824" userDrawn="1">
          <p15:clr>
            <a:srgbClr val="F26B43"/>
          </p15:clr>
        </p15:guide>
        <p15:guide id="29" orient="horz" pos="537" userDrawn="1">
          <p15:clr>
            <a:srgbClr val="F26B43"/>
          </p15:clr>
        </p15:guide>
        <p15:guide id="30" orient="horz" pos="1342" userDrawn="1">
          <p15:clr>
            <a:srgbClr val="F26B43"/>
          </p15:clr>
        </p15:guide>
        <p15:guide id="31" orient="horz" pos="3882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9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billede 1">
            <a:extLst>
              <a:ext uri="{FF2B5EF4-FFF2-40B4-BE49-F238E27FC236}">
                <a16:creationId xmlns:a16="http://schemas.microsoft.com/office/drawing/2014/main" id="{00D46125-19A2-2C1F-8027-8C1B1085542C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3353079B-FED2-D9EE-FE6E-C322D3BD79F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Python Topics for Data Engineers</a:t>
            </a:r>
            <a:endParaRPr lang="da-DK" dirty="0"/>
          </a:p>
        </p:txBody>
      </p:sp>
      <p:sp>
        <p:nvSpPr>
          <p:cNvPr id="4" name="Undertitel 3">
            <a:extLst>
              <a:ext uri="{FF2B5EF4-FFF2-40B4-BE49-F238E27FC236}">
                <a16:creationId xmlns:a16="http://schemas.microsoft.com/office/drawing/2014/main" id="{487CED02-DAAD-7399-424F-5BB8189A6ED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79500" y="3466800"/>
            <a:ext cx="10444534" cy="1655762"/>
          </a:xfrm>
        </p:spPr>
        <p:txBody>
          <a:bodyPr/>
          <a:lstStyle/>
          <a:p>
            <a:r>
              <a:rPr lang="en-GB" dirty="0"/>
              <a:t>Focusing on Type Hints, Exceptions and Logging</a:t>
            </a: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14310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EB2373D3-09FF-6D8F-7E78-C9BF9E981B05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2DE783D-5FAC-2736-292D-C06659A2704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A6593B-F078-CB3D-CEB8-AE578002B6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E2CC4FD-0CFB-2A5F-F1ED-24AABA50BC3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79500" y="950628"/>
            <a:ext cx="8786021" cy="1655762"/>
          </a:xfrm>
        </p:spPr>
        <p:txBody>
          <a:bodyPr/>
          <a:lstStyle/>
          <a:p>
            <a:r>
              <a:rPr lang="da-DK" dirty="0">
                <a:solidFill>
                  <a:schemeClr val="tx1"/>
                </a:solidFill>
              </a:rPr>
              <a:t>Brief </a:t>
            </a:r>
            <a:r>
              <a:rPr lang="da-DK" dirty="0" err="1">
                <a:solidFill>
                  <a:schemeClr val="tx1"/>
                </a:solidFill>
              </a:rPr>
              <a:t>introduction</a:t>
            </a:r>
            <a:r>
              <a:rPr lang="da-DK" dirty="0">
                <a:solidFill>
                  <a:schemeClr val="tx1"/>
                </a:solidFill>
              </a:rPr>
              <a:t> to Python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7" name="Rectangle 1">
            <a:extLst>
              <a:ext uri="{FF2B5EF4-FFF2-40B4-BE49-F238E27FC236}">
                <a16:creationId xmlns:a16="http://schemas.microsoft.com/office/drawing/2014/main" id="{92087EA2-A537-9B81-2D1E-963B967B0F61}"/>
              </a:ext>
            </a:extLst>
          </p:cNvPr>
          <p:cNvSpPr>
            <a:spLocks noGrp="1" noChangeArrowheads="1"/>
          </p:cNvSpPr>
          <p:nvPr>
            <p:ph type="subTitle" idx="1"/>
          </p:nvPr>
        </p:nvSpPr>
        <p:spPr bwMode="auto">
          <a:xfrm>
            <a:off x="1079500" y="2725024"/>
            <a:ext cx="7895110" cy="313932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altLang="en-DK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  <a:p>
            <a:pPr lvl="3" eaLnBrk="0" fontAlgn="base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FontTx/>
              <a:buChar char="•"/>
            </a:pPr>
            <a:r>
              <a:rPr kumimoji="0" lang="da-DK" altLang="en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   </a:t>
            </a:r>
            <a:r>
              <a:rPr kumimoji="0" lang="da-DK" altLang="en-DK" sz="18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Known</a:t>
            </a:r>
            <a:r>
              <a:rPr kumimoji="0" lang="da-DK" altLang="en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for </a:t>
            </a:r>
            <a:r>
              <a:rPr kumimoji="0" lang="da-DK" altLang="en-DK" sz="18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its</a:t>
            </a:r>
            <a:r>
              <a:rPr kumimoji="0" lang="da-DK" altLang="en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</a:t>
            </a:r>
            <a:r>
              <a:rPr kumimoji="0" lang="en-US" altLang="en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readability</a:t>
            </a:r>
            <a:r>
              <a:rPr lang="da-DK" altLang="en-DK" sz="1800" b="0" dirty="0">
                <a:solidFill>
                  <a:schemeClr val="tx1"/>
                </a:solidFill>
                <a:latin typeface="Arial" panose="020B0604020202020204" pitchFamily="34" charset="0"/>
              </a:rPr>
              <a:t>, </a:t>
            </a:r>
            <a:r>
              <a:rPr lang="da-DK" altLang="en-DK" sz="1800" b="0" dirty="0" err="1">
                <a:solidFill>
                  <a:schemeClr val="tx1"/>
                </a:solidFill>
                <a:latin typeface="Arial" panose="020B0604020202020204" pitchFamily="34" charset="0"/>
              </a:rPr>
              <a:t>ease</a:t>
            </a:r>
            <a:r>
              <a:rPr lang="da-DK" altLang="en-DK" sz="1800" b="0" dirty="0">
                <a:solidFill>
                  <a:schemeClr val="tx1"/>
                </a:solidFill>
                <a:latin typeface="Arial" panose="020B0604020202020204" pitchFamily="34" charset="0"/>
              </a:rPr>
              <a:t> of </a:t>
            </a:r>
            <a:r>
              <a:rPr lang="da-DK" altLang="en-DK" sz="1800" b="0" dirty="0" err="1">
                <a:solidFill>
                  <a:schemeClr val="tx1"/>
                </a:solidFill>
                <a:latin typeface="Arial" panose="020B0604020202020204" pitchFamily="34" charset="0"/>
              </a:rPr>
              <a:t>use</a:t>
            </a:r>
            <a:r>
              <a:rPr lang="da-DK" altLang="en-DK" sz="1800" b="0" dirty="0">
                <a:solidFill>
                  <a:schemeClr val="tx1"/>
                </a:solidFill>
                <a:latin typeface="Arial" panose="020B0604020202020204" pitchFamily="34" charset="0"/>
              </a:rPr>
              <a:t> and </a:t>
            </a:r>
            <a:r>
              <a:rPr lang="da-DK" altLang="en-DK" sz="1800" b="0" dirty="0" err="1">
                <a:solidFill>
                  <a:schemeClr val="tx1"/>
                </a:solidFill>
                <a:latin typeface="Arial" panose="020B0604020202020204" pitchFamily="34" charset="0"/>
              </a:rPr>
              <a:t>diversity</a:t>
            </a:r>
            <a:endParaRPr kumimoji="0" lang="en-DK" altLang="en-DK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Char char="•"/>
              <a:tabLst/>
            </a:pPr>
            <a:r>
              <a:rPr kumimoji="0" lang="da-DK" altLang="en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   </a:t>
            </a:r>
            <a:r>
              <a:rPr kumimoji="0" lang="en-DK" altLang="en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Popular in data engineering, data science, and web development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Char char="•"/>
              <a:tabLst/>
            </a:pPr>
            <a:r>
              <a:rPr kumimoji="0" lang="da-DK" altLang="en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   </a:t>
            </a:r>
            <a:r>
              <a:rPr kumimoji="0" lang="en-DK" altLang="en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Extensive standard library and active community </a:t>
            </a:r>
            <a:endParaRPr lang="da-DK" altLang="en-DK" sz="1800" b="0" dirty="0">
              <a:solidFill>
                <a:schemeClr val="tx1"/>
              </a:solidFill>
              <a:latin typeface="Arial" panose="020B0604020202020204" pitchFamily="34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Char char="•"/>
              <a:tabLst/>
            </a:pPr>
            <a:r>
              <a:rPr kumimoji="0" lang="da-DK" altLang="en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   In Inspari</a:t>
            </a:r>
            <a:r>
              <a:rPr lang="da-DK" altLang="en-DK" sz="1800" b="0" dirty="0">
                <a:solidFill>
                  <a:schemeClr val="tx1"/>
                </a:solidFill>
                <a:latin typeface="Arial" panose="020B0604020202020204" pitchFamily="34" charset="0"/>
              </a:rPr>
              <a:t> </a:t>
            </a:r>
            <a:r>
              <a:rPr lang="da-DK" altLang="en-DK" sz="1800" b="0" dirty="0" err="1">
                <a:solidFill>
                  <a:schemeClr val="tx1"/>
                </a:solidFill>
                <a:latin typeface="Arial" panose="020B0604020202020204" pitchFamily="34" charset="0"/>
              </a:rPr>
              <a:t>we</a:t>
            </a:r>
            <a:r>
              <a:rPr lang="da-DK" altLang="en-DK" sz="1800" b="0" dirty="0">
                <a:solidFill>
                  <a:schemeClr val="tx1"/>
                </a:solidFill>
                <a:latin typeface="Arial" panose="020B0604020202020204" pitchFamily="34" charset="0"/>
              </a:rPr>
              <a:t> </a:t>
            </a:r>
            <a:r>
              <a:rPr lang="da-DK" altLang="en-DK" sz="1800" b="0" dirty="0" err="1">
                <a:solidFill>
                  <a:schemeClr val="tx1"/>
                </a:solidFill>
                <a:latin typeface="Arial" panose="020B0604020202020204" pitchFamily="34" charset="0"/>
              </a:rPr>
              <a:t>use</a:t>
            </a:r>
            <a:r>
              <a:rPr lang="da-DK" altLang="en-DK" sz="1800" b="0" dirty="0">
                <a:solidFill>
                  <a:schemeClr val="tx1"/>
                </a:solidFill>
                <a:latin typeface="Arial" panose="020B0604020202020204" pitchFamily="34" charset="0"/>
              </a:rPr>
              <a:t> Python in </a:t>
            </a:r>
            <a:r>
              <a:rPr lang="da-DK" altLang="en-DK" sz="1800" b="0" dirty="0" err="1">
                <a:solidFill>
                  <a:schemeClr val="tx1"/>
                </a:solidFill>
                <a:latin typeface="Arial" panose="020B0604020202020204" pitchFamily="34" charset="0"/>
              </a:rPr>
              <a:t>Databricks</a:t>
            </a:r>
            <a:r>
              <a:rPr lang="da-DK" altLang="en-DK" sz="1800" b="0" dirty="0">
                <a:solidFill>
                  <a:schemeClr val="tx1"/>
                </a:solidFill>
                <a:latin typeface="Arial" panose="020B0604020202020204" pitchFamily="34" charset="0"/>
              </a:rPr>
              <a:t>, </a:t>
            </a:r>
            <a:r>
              <a:rPr lang="da-DK" altLang="en-DK" sz="1800" b="0" dirty="0" err="1">
                <a:solidFill>
                  <a:schemeClr val="tx1"/>
                </a:solidFill>
                <a:latin typeface="Arial" panose="020B0604020202020204" pitchFamily="34" charset="0"/>
              </a:rPr>
              <a:t>Fabric</a:t>
            </a:r>
            <a:r>
              <a:rPr lang="da-DK" altLang="en-DK" sz="1800" b="0" dirty="0">
                <a:solidFill>
                  <a:schemeClr val="tx1"/>
                </a:solidFill>
                <a:latin typeface="Arial" panose="020B0604020202020204" pitchFamily="34" charset="0"/>
              </a:rPr>
              <a:t>, Data Science community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None/>
              <a:tabLst/>
            </a:pPr>
            <a:r>
              <a:rPr kumimoji="0" lang="da-DK" altLang="en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    </a:t>
            </a:r>
            <a:r>
              <a:rPr kumimoji="0" lang="da-DK" altLang="en-DK" sz="1800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Azure</a:t>
            </a:r>
            <a:r>
              <a:rPr kumimoji="0" lang="da-DK" altLang="en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da-DK" altLang="en-DK" sz="1800" b="0" dirty="0" err="1">
                <a:solidFill>
                  <a:schemeClr val="tx1"/>
                </a:solidFill>
                <a:latin typeface="Arial" panose="020B0604020202020204" pitchFamily="34" charset="0"/>
              </a:rPr>
              <a:t>Functions</a:t>
            </a:r>
            <a:r>
              <a:rPr lang="da-DK" altLang="en-DK" sz="1800" b="0" dirty="0">
                <a:solidFill>
                  <a:schemeClr val="tx1"/>
                </a:solidFill>
                <a:latin typeface="Arial" panose="020B0604020202020204" pitchFamily="34" charset="0"/>
              </a:rPr>
              <a:t> and small Ad Hoc tasks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None/>
              <a:tabLst/>
            </a:pPr>
            <a:endParaRPr lang="da-DK" altLang="en-DK" sz="1800" b="0" dirty="0">
              <a:solidFill>
                <a:schemeClr val="tx1"/>
              </a:solidFill>
              <a:latin typeface="Arial" panose="020B0604020202020204" pitchFamily="34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None/>
              <a:tabLst/>
            </a:pPr>
            <a:r>
              <a:rPr lang="da-DK" altLang="en-DK" sz="1800" b="0" dirty="0">
                <a:solidFill>
                  <a:schemeClr val="tx1"/>
                </a:solidFill>
                <a:latin typeface="Arial" panose="020B0604020202020204" pitchFamily="34" charset="0"/>
              </a:rPr>
              <a:t>Set-up: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None/>
              <a:tabLst/>
            </a:pPr>
            <a:endParaRPr kumimoji="0" lang="da-DK" altLang="en-DK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None/>
              <a:tabLst/>
            </a:pPr>
            <a:r>
              <a:rPr kumimoji="0" lang="da-DK" altLang="en-DK" sz="1800" b="0" i="1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Clone</a:t>
            </a:r>
            <a:r>
              <a:rPr kumimoji="0" lang="da-DK" altLang="en-DK" sz="1800" b="0" i="1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</a:t>
            </a:r>
            <a:r>
              <a:rPr kumimoji="0" lang="da-DK" altLang="en-DK" sz="1800" b="0" i="1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below</a:t>
            </a:r>
            <a:r>
              <a:rPr kumimoji="0" lang="da-DK" altLang="en-DK" sz="1800" b="0" i="1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REPOS</a:t>
            </a:r>
            <a:r>
              <a:rPr lang="da-DK" altLang="en-DK" sz="1800" b="0" i="1" dirty="0">
                <a:solidFill>
                  <a:schemeClr val="tx1"/>
                </a:solidFill>
                <a:latin typeface="Arial" panose="020B0604020202020204" pitchFamily="34" charset="0"/>
              </a:rPr>
              <a:t> and run ”main.py”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None/>
              <a:tabLst/>
            </a:pPr>
            <a:r>
              <a:rPr kumimoji="0" lang="da-DK" altLang="en-DK" sz="1800" b="0" i="1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https://github.com/sorengod/Python-Pizza.git</a:t>
            </a:r>
          </a:p>
        </p:txBody>
      </p:sp>
    </p:spTree>
    <p:extLst>
      <p:ext uri="{BB962C8B-B14F-4D97-AF65-F5344CB8AC3E}">
        <p14:creationId xmlns:p14="http://schemas.microsoft.com/office/powerpoint/2010/main" val="247309861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3516FF8-6C36-6355-9C86-B69E8C45128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E507F90-D480-3C08-DD6B-FC60D2C2216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865ADE4-61A5-BA8C-CA32-429688B53B7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79499" y="998707"/>
            <a:ext cx="9199395" cy="1108330"/>
          </a:xfrm>
        </p:spPr>
        <p:txBody>
          <a:bodyPr/>
          <a:lstStyle/>
          <a:p>
            <a:r>
              <a:rPr lang="en-GB" dirty="0">
                <a:solidFill>
                  <a:schemeClr val="tx1"/>
                </a:solidFill>
              </a:rPr>
              <a:t>FUNCTIONS</a:t>
            </a:r>
            <a:endParaRPr lang="en-DK" dirty="0">
              <a:solidFill>
                <a:schemeClr val="tx1"/>
              </a:solidFill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FED3257-0B71-A305-BC67-4FB6FE774B1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79499" y="2645367"/>
            <a:ext cx="9373908" cy="36295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381426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3516FF8-6C36-6355-9C86-B69E8C45128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E507F90-D480-3C08-DD6B-FC60D2C2216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865ADE4-61A5-BA8C-CA32-429688B53B7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79499" y="827411"/>
            <a:ext cx="9199395" cy="1655762"/>
          </a:xfrm>
        </p:spPr>
        <p:txBody>
          <a:bodyPr/>
          <a:lstStyle/>
          <a:p>
            <a:r>
              <a:rPr lang="en-GB" dirty="0">
                <a:solidFill>
                  <a:schemeClr val="tx1"/>
                </a:solidFill>
              </a:rPr>
              <a:t>Type Hints and Description of Functions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AC35768-A578-70D0-5D78-D305806EBDE8}"/>
              </a:ext>
            </a:extLst>
          </p:cNvPr>
          <p:cNvSpPr txBox="1"/>
          <p:nvPr/>
        </p:nvSpPr>
        <p:spPr>
          <a:xfrm>
            <a:off x="966281" y="2774403"/>
            <a:ext cx="6160850" cy="424731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 </a:t>
            </a:r>
            <a:r>
              <a:rPr lang="en-GB" b="1" dirty="0"/>
              <a:t>Type hints </a:t>
            </a:r>
            <a:r>
              <a:rPr lang="en-GB" dirty="0"/>
              <a:t>are annotations that specify the expected types of variables, parameters, and return values within your code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 </a:t>
            </a:r>
            <a:r>
              <a:rPr lang="en-GB" b="1" dirty="0"/>
              <a:t>Descriptions </a:t>
            </a:r>
            <a:r>
              <a:rPr lang="en-GB" dirty="0"/>
              <a:t>are put in Doc-strings (’’’xxx’’’) and is a short description of the purpose of the function that enhances readability of the code. </a:t>
            </a:r>
          </a:p>
          <a:p>
            <a:r>
              <a:rPr lang="en-GB" dirty="0"/>
              <a:t>Can also include a short description of the function return and function argument(s)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</p:txBody>
      </p:sp>
      <p:pic>
        <p:nvPicPr>
          <p:cNvPr id="14" name="Picture Placeholder 13">
            <a:extLst>
              <a:ext uri="{FF2B5EF4-FFF2-40B4-BE49-F238E27FC236}">
                <a16:creationId xmlns:a16="http://schemas.microsoft.com/office/drawing/2014/main" id="{59440DCD-91F1-2A55-3946-37A127ACAB8E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2"/>
          <a:srcRect t="19549" b="19549"/>
          <a:stretch/>
        </p:blipFill>
        <p:spPr>
          <a:xfrm>
            <a:off x="6948623" y="3861525"/>
            <a:ext cx="5324796" cy="2996475"/>
          </a:xfrm>
        </p:spPr>
      </p:pic>
    </p:spTree>
    <p:extLst>
      <p:ext uri="{BB962C8B-B14F-4D97-AF65-F5344CB8AC3E}">
        <p14:creationId xmlns:p14="http://schemas.microsoft.com/office/powerpoint/2010/main" val="107352952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3516FF8-6C36-6355-9C86-B69E8C45128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E507F90-D480-3C08-DD6B-FC60D2C2216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865ADE4-61A5-BA8C-CA32-429688B53B7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79499" y="827411"/>
            <a:ext cx="9199395" cy="1655762"/>
          </a:xfrm>
        </p:spPr>
        <p:txBody>
          <a:bodyPr/>
          <a:lstStyle/>
          <a:p>
            <a:r>
              <a:rPr lang="en-GB" dirty="0">
                <a:solidFill>
                  <a:schemeClr val="tx1"/>
                </a:solidFill>
              </a:rPr>
              <a:t>Basic Logging set-up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AC35768-A578-70D0-5D78-D305806EBDE8}"/>
              </a:ext>
            </a:extLst>
          </p:cNvPr>
          <p:cNvSpPr txBox="1"/>
          <p:nvPr/>
        </p:nvSpPr>
        <p:spPr>
          <a:xfrm>
            <a:off x="966281" y="2774403"/>
            <a:ext cx="6160850" cy="397031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 Logging is the process of recording information about the operational events of a program. It's more flexible and informative than simple print statements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 Setting up logging is straightforward with the ‘</a:t>
            </a:r>
            <a:r>
              <a:rPr lang="en-GB" b="1" dirty="0"/>
              <a:t>logging’ </a:t>
            </a:r>
            <a:r>
              <a:rPr lang="en-GB" dirty="0"/>
              <a:t>module which both support </a:t>
            </a:r>
            <a:r>
              <a:rPr lang="en-GB" i="1" dirty="0"/>
              <a:t>info, debug </a:t>
            </a:r>
            <a:r>
              <a:rPr lang="en-GB" dirty="0"/>
              <a:t>and </a:t>
            </a:r>
            <a:r>
              <a:rPr lang="en-GB" i="1" dirty="0"/>
              <a:t>error </a:t>
            </a:r>
            <a:r>
              <a:rPr lang="en-GB" dirty="0"/>
              <a:t>logging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 Logging can be altered to append to a file, overwrite to a file, specify </a:t>
            </a:r>
            <a:r>
              <a:rPr lang="en-GB" dirty="0" err="1"/>
              <a:t>dateformat</a:t>
            </a:r>
            <a:r>
              <a:rPr lang="en-GB" dirty="0"/>
              <a:t>, specify runtime, specify how errors are handled etc. 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31840C30-94F7-BC63-D2E6-CE131C1ACDB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705001" y="4221804"/>
            <a:ext cx="4431617" cy="2568988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30156CE1-70F6-F51A-E8D9-0DE26E7BE43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715097" y="3050088"/>
            <a:ext cx="4417656" cy="11153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3142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3516FF8-6C36-6355-9C86-B69E8C45128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E507F90-D480-3C08-DD6B-FC60D2C2216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865ADE4-61A5-BA8C-CA32-429688B53B7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79499" y="827411"/>
            <a:ext cx="9649043" cy="1655762"/>
          </a:xfrm>
        </p:spPr>
        <p:txBody>
          <a:bodyPr/>
          <a:lstStyle/>
          <a:p>
            <a:r>
              <a:rPr lang="en-GB" dirty="0">
                <a:solidFill>
                  <a:schemeClr val="tx1"/>
                </a:solidFill>
              </a:rPr>
              <a:t>Understanding exceptions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AC35768-A578-70D0-5D78-D305806EBDE8}"/>
              </a:ext>
            </a:extLst>
          </p:cNvPr>
          <p:cNvSpPr txBox="1"/>
          <p:nvPr/>
        </p:nvSpPr>
        <p:spPr>
          <a:xfrm>
            <a:off x="966281" y="2774403"/>
            <a:ext cx="9492952" cy="258532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 Exceptions in Python are events that disrupt the normal flow of the program. They occur due to errors like dividing by zero, accessing a file that doesn't exist, or any other runtime error. 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 Handling exceptions effectively is crucial to building robust applications and ensuring the program can deal with unexpected situations gracefully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44F5492-0727-386B-6A15-A9C919855F3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09412" y="4876523"/>
            <a:ext cx="6182588" cy="19814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920170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A150EF67-A90E-4904-32EB-D98DA964595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455068" y="3409914"/>
            <a:ext cx="3787036" cy="1922560"/>
          </a:xfrm>
          <a:prstGeom prst="rect">
            <a:avLst/>
          </a:prstGeom>
        </p:spPr>
      </p:pic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3516FF8-6C36-6355-9C86-B69E8C45128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E507F90-D480-3C08-DD6B-FC60D2C2216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1865ADE4-61A5-BA8C-CA32-429688B53B7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79499" y="827411"/>
            <a:ext cx="9649043" cy="1655762"/>
          </a:xfrm>
        </p:spPr>
        <p:txBody>
          <a:bodyPr/>
          <a:lstStyle/>
          <a:p>
            <a:r>
              <a:rPr lang="en-GB" dirty="0">
                <a:solidFill>
                  <a:schemeClr val="tx1"/>
                </a:solidFill>
              </a:rPr>
              <a:t>Custom Exceptions and </a:t>
            </a:r>
            <a:r>
              <a:rPr lang="en-GB" dirty="0" err="1">
                <a:solidFill>
                  <a:schemeClr val="tx1"/>
                </a:solidFill>
              </a:rPr>
              <a:t>AssertionErrors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AC35768-A578-70D0-5D78-D305806EBDE8}"/>
              </a:ext>
            </a:extLst>
          </p:cNvPr>
          <p:cNvSpPr txBox="1"/>
          <p:nvPr/>
        </p:nvSpPr>
        <p:spPr>
          <a:xfrm>
            <a:off x="966281" y="2774403"/>
            <a:ext cx="7388579" cy="369331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 Both exceptions and assertions help identify issues in the code and ensure it behaves as expected 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Custom exceptions allow you to create specific error types for your application.  This can make your code more readable </a:t>
            </a:r>
          </a:p>
          <a:p>
            <a:r>
              <a:rPr lang="en-GB" dirty="0"/>
              <a:t> and easier to debug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r>
              <a:rPr lang="en-GB" dirty="0"/>
              <a:t> The ‘</a:t>
            </a:r>
            <a:r>
              <a:rPr lang="en-GB" b="1" dirty="0"/>
              <a:t>assert’ </a:t>
            </a:r>
            <a:r>
              <a:rPr lang="en-GB" dirty="0"/>
              <a:t>statement is used to set checkpoints in your code. If the </a:t>
            </a:r>
          </a:p>
          <a:p>
            <a:r>
              <a:rPr lang="en-GB" dirty="0"/>
              <a:t> condition evaluated by ‘</a:t>
            </a:r>
            <a:r>
              <a:rPr lang="en-GB" b="1" dirty="0"/>
              <a:t>assert’ </a:t>
            </a:r>
            <a:r>
              <a:rPr lang="en-GB" dirty="0"/>
              <a:t>is false, an ‘</a:t>
            </a:r>
            <a:r>
              <a:rPr lang="en-GB" b="1" dirty="0" err="1"/>
              <a:t>AssertionError</a:t>
            </a:r>
            <a:r>
              <a:rPr lang="en-GB" b="1" dirty="0"/>
              <a:t>’ </a:t>
            </a:r>
            <a:r>
              <a:rPr lang="en-GB" dirty="0"/>
              <a:t>is raised</a:t>
            </a:r>
          </a:p>
          <a:p>
            <a:r>
              <a:rPr lang="en-GB" dirty="0"/>
              <a:t> providing a message to help debug the issue.</a:t>
            </a:r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  <a:p>
            <a:pPr>
              <a:buFont typeface="Arial" panose="020B0604020202020204" pitchFamily="34" charset="0"/>
              <a:buChar char="•"/>
            </a:pPr>
            <a:endParaRPr lang="en-GB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078D20EE-5E3E-9724-EA17-DE09DA0ADF8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990360" y="5714840"/>
            <a:ext cx="6201640" cy="11431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7965090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C84C3557-D28F-453E-A168-A484298D189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2" name="Pladsholder til slidenummer 1">
            <a:extLst>
              <a:ext uri="{FF2B5EF4-FFF2-40B4-BE49-F238E27FC236}">
                <a16:creationId xmlns:a16="http://schemas.microsoft.com/office/drawing/2014/main" id="{22DEF09F-913A-3E5F-CA9C-8BD8E3699AE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8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1387516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Inspari widescreen presentation">
  <a:themeElements>
    <a:clrScheme name="Inspari colors">
      <a:dk1>
        <a:sysClr val="windowText" lastClr="000000"/>
      </a:dk1>
      <a:lt1>
        <a:srgbClr val="FFFFFF"/>
      </a:lt1>
      <a:dk2>
        <a:srgbClr val="454545"/>
      </a:dk2>
      <a:lt2>
        <a:srgbClr val="ECECEC"/>
      </a:lt2>
      <a:accent1>
        <a:srgbClr val="00AFC3"/>
      </a:accent1>
      <a:accent2>
        <a:srgbClr val="003C43"/>
      </a:accent2>
      <a:accent3>
        <a:srgbClr val="C4A68C"/>
      </a:accent3>
      <a:accent4>
        <a:srgbClr val="786455"/>
      </a:accent4>
      <a:accent5>
        <a:srgbClr val="B2FFFF"/>
      </a:accent5>
      <a:accent6>
        <a:srgbClr val="00FFFF"/>
      </a:accent6>
      <a:hlink>
        <a:srgbClr val="BFBFBF"/>
      </a:hlink>
      <a:folHlink>
        <a:srgbClr val="BFBFBF"/>
      </a:folHlink>
    </a:clrScheme>
    <a:fontScheme name="Inspari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180000" tIns="108000" rIns="180000" bIns="108000"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2000" dirty="0" err="1"/>
        </a:defPPr>
      </a:lstStyle>
    </a:txDef>
  </a:objectDefaults>
  <a:extraClrSchemeLst/>
  <a:custClrLst>
    <a:custClr name="0,60,67">
      <a:srgbClr val="003C43"/>
    </a:custClr>
    <a:custClr name="0,175,195">
      <a:srgbClr val="00AFC3"/>
    </a:custClr>
    <a:custClr name="196,166,140">
      <a:srgbClr val="C4A68C"/>
    </a:custClr>
    <a:custClr name="120,100,85">
      <a:srgbClr val="786455"/>
    </a:custClr>
    <a:custClr name="178,255,255">
      <a:srgbClr val="B2FFFF"/>
    </a:custClr>
    <a:custClr name="0,255,255">
      <a:srgbClr val="00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0,0,0">
      <a:srgbClr val="000000"/>
    </a:custClr>
    <a:custClr name="69,69,69">
      <a:srgbClr val="454545"/>
    </a:custClr>
    <a:custClr name="121,121,121">
      <a:srgbClr val="797979"/>
    </a:custClr>
    <a:custClr name="153,153,153">
      <a:srgbClr val="999999"/>
    </a:custClr>
    <a:custClr name="203,203,203">
      <a:srgbClr val="CBCBCB"/>
    </a:custClr>
    <a:custClr name="235,235,235235,235,235">
      <a:srgbClr val="EBEBEB"/>
    </a:custClr>
  </a:custClrLst>
  <a:extLst>
    <a:ext uri="{05A4C25C-085E-4340-85A3-A5531E510DB2}">
      <thm15:themeFamily xmlns:thm15="http://schemas.microsoft.com/office/thememl/2012/main" name="Inspari UK.potx" id="{B8603BBD-D16D-40FB-BEF9-35E7ED6496A9}" vid="{E2E144CB-0EB3-4A7E-ABC9-23278FFC36A1}"/>
    </a:ext>
  </a:extLst>
</a:theme>
</file>

<file path=ppt/theme/theme2.xml><?xml version="1.0" encoding="utf-8"?>
<a:theme xmlns:a="http://schemas.openxmlformats.org/drawingml/2006/main" name="Office-tema">
  <a:themeElements>
    <a:clrScheme name="Inspari">
      <a:dk1>
        <a:sysClr val="windowText" lastClr="000000"/>
      </a:dk1>
      <a:lt1>
        <a:srgbClr val="FFFFFF"/>
      </a:lt1>
      <a:dk2>
        <a:srgbClr val="003C43"/>
      </a:dk2>
      <a:lt2>
        <a:srgbClr val="ECECEC"/>
      </a:lt2>
      <a:accent1>
        <a:srgbClr val="003C43"/>
      </a:accent1>
      <a:accent2>
        <a:srgbClr val="00AFC3"/>
      </a:accent2>
      <a:accent3>
        <a:srgbClr val="C4A68C"/>
      </a:accent3>
      <a:accent4>
        <a:srgbClr val="786455"/>
      </a:accent4>
      <a:accent5>
        <a:srgbClr val="B2FFFF"/>
      </a:accent5>
      <a:accent6>
        <a:srgbClr val="454545"/>
      </a:accent6>
      <a:hlink>
        <a:srgbClr val="00AFC3"/>
      </a:hlink>
      <a:folHlink>
        <a:srgbClr val="797979"/>
      </a:folHlink>
    </a:clrScheme>
    <a:fontScheme name="Inspari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0,60,67">
      <a:srgbClr val="003C43"/>
    </a:custClr>
    <a:custClr name="0,175,195">
      <a:srgbClr val="00AFC3"/>
    </a:custClr>
    <a:custClr name="196,166,140">
      <a:srgbClr val="C4A68C"/>
    </a:custClr>
    <a:custClr name="120,100,85">
      <a:srgbClr val="786455"/>
    </a:custClr>
    <a:custClr name="178,255,255">
      <a:srgbClr val="B2FFFF"/>
    </a:custClr>
    <a:custClr name="0,255,255">
      <a:srgbClr val="00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0,0,0">
      <a:srgbClr val="000000"/>
    </a:custClr>
    <a:custClr name="69,69,69">
      <a:srgbClr val="454545"/>
    </a:custClr>
    <a:custClr name="121,121,121">
      <a:srgbClr val="797979"/>
    </a:custClr>
    <a:custClr name="153,153,153">
      <a:srgbClr val="999999"/>
    </a:custClr>
    <a:custClr name="203,203,203">
      <a:srgbClr val="CBCBCB"/>
    </a:custClr>
    <a:custClr name="235,235,235235,235,235">
      <a:srgbClr val="EBEBEB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Inspari">
      <a:dk1>
        <a:sysClr val="windowText" lastClr="000000"/>
      </a:dk1>
      <a:lt1>
        <a:srgbClr val="FFFFFF"/>
      </a:lt1>
      <a:dk2>
        <a:srgbClr val="003C43"/>
      </a:dk2>
      <a:lt2>
        <a:srgbClr val="ECECEC"/>
      </a:lt2>
      <a:accent1>
        <a:srgbClr val="003C43"/>
      </a:accent1>
      <a:accent2>
        <a:srgbClr val="00AFC3"/>
      </a:accent2>
      <a:accent3>
        <a:srgbClr val="C4A68C"/>
      </a:accent3>
      <a:accent4>
        <a:srgbClr val="786455"/>
      </a:accent4>
      <a:accent5>
        <a:srgbClr val="B2FFFF"/>
      </a:accent5>
      <a:accent6>
        <a:srgbClr val="454545"/>
      </a:accent6>
      <a:hlink>
        <a:srgbClr val="00AFC3"/>
      </a:hlink>
      <a:folHlink>
        <a:srgbClr val="797979"/>
      </a:folHlink>
    </a:clrScheme>
    <a:fontScheme name="Inspari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0,60,67">
      <a:srgbClr val="003C43"/>
    </a:custClr>
    <a:custClr name="0,175,195">
      <a:srgbClr val="00AFC3"/>
    </a:custClr>
    <a:custClr name="196,166,140">
      <a:srgbClr val="C4A68C"/>
    </a:custClr>
    <a:custClr name="120,100,85">
      <a:srgbClr val="786455"/>
    </a:custClr>
    <a:custClr name="178,255,255">
      <a:srgbClr val="B2FFFF"/>
    </a:custClr>
    <a:custClr name="0,255,255">
      <a:srgbClr val="00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0,0,0">
      <a:srgbClr val="000000"/>
    </a:custClr>
    <a:custClr name="69,69,69">
      <a:srgbClr val="454545"/>
    </a:custClr>
    <a:custClr name="121,121,121">
      <a:srgbClr val="797979"/>
    </a:custClr>
    <a:custClr name="153,153,153">
      <a:srgbClr val="999999"/>
    </a:custClr>
    <a:custClr name="203,203,203">
      <a:srgbClr val="CBCBCB"/>
    </a:custClr>
    <a:custClr name="235,235,235235,235,235">
      <a:srgbClr val="EBEBEB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8387507217019783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Inspari valantic template","templateDescription":"","enableDocumentContentUpdater":false,"version":"2.0"}]]></TemplafyTemplateConfiguration>
</file>

<file path=customXml/item5.xml><?xml version="1.0" encoding="utf-8"?>
<TemplafySlideTemplateConfiguration><![CDATA[{"slideVersion":1,"isValidatorEnabled":false,"isLocked":false,"elementsMetadata":[],"slideId":"638387507217002993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1EA08AF-0F71-4C7D-9762-97433BAC90FC}">
  <ds:schemaRefs/>
</ds:datastoreItem>
</file>

<file path=customXml/itemProps2.xml><?xml version="1.0" encoding="utf-8"?>
<ds:datastoreItem xmlns:ds="http://schemas.openxmlformats.org/officeDocument/2006/customXml" ds:itemID="{CC52BB8F-BCD4-4744-A0FE-F82143A1D334}">
  <ds:schemaRefs/>
</ds:datastoreItem>
</file>

<file path=customXml/itemProps3.xml><?xml version="1.0" encoding="utf-8"?>
<ds:datastoreItem xmlns:ds="http://schemas.openxmlformats.org/officeDocument/2006/customXml" ds:itemID="{65D1D290-E1AF-4EA1-B3BC-D04D48891EB0}">
  <ds:schemaRefs/>
</ds:datastoreItem>
</file>

<file path=customXml/itemProps4.xml><?xml version="1.0" encoding="utf-8"?>
<ds:datastoreItem xmlns:ds="http://schemas.openxmlformats.org/officeDocument/2006/customXml" ds:itemID="{DF186452-40FE-4848-A4B5-DEE667A11B90}">
  <ds:schemaRefs/>
</ds:datastoreItem>
</file>

<file path=customXml/itemProps5.xml><?xml version="1.0" encoding="utf-8"?>
<ds:datastoreItem xmlns:ds="http://schemas.openxmlformats.org/officeDocument/2006/customXml" ds:itemID="{DE59185A-55F3-40F7-A045-46BA44E7B700}">
  <ds:schemaRefs/>
</ds:datastoreItem>
</file>

<file path=customXml/itemProps6.xml><?xml version="1.0" encoding="utf-8"?>
<ds:datastoreItem xmlns:ds="http://schemas.openxmlformats.org/officeDocument/2006/customXml" ds:itemID="{0DAC8D19-6C60-4FE6-993A-D342A8EC768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344</TotalTime>
  <Words>402</Words>
  <Application>Microsoft Office PowerPoint</Application>
  <PresentationFormat>Widescreen</PresentationFormat>
  <Paragraphs>54</Paragraphs>
  <Slides>8</Slides>
  <Notes>0</Notes>
  <HiddenSlides>1</HiddenSlides>
  <MMClips>0</MMClips>
  <ScaleCrop>false</ScaleCrop>
  <HeadingPairs>
    <vt:vector size="6" baseType="variant">
      <vt:variant>
        <vt:lpstr>Fonts Used</vt:lpstr>
      </vt:variant>
      <vt:variant>
        <vt:i4>1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0" baseType="lpstr">
      <vt:lpstr>Arial</vt:lpstr>
      <vt:lpstr>Inspari widescreen presentation</vt:lpstr>
      <vt:lpstr>Python Topics for Data Engineers</vt:lpstr>
      <vt:lpstr>Brief introduction to Python</vt:lpstr>
      <vt:lpstr>FUNCTIONS</vt:lpstr>
      <vt:lpstr>Type Hints and Description of Functions</vt:lpstr>
      <vt:lpstr>Basic Logging set-up</vt:lpstr>
      <vt:lpstr>Understanding exceptions</vt:lpstr>
      <vt:lpstr>Custom Exceptions and AssertionErrors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spari PowerPoint Presentation</dc:title>
  <dc:creator>Peter Birk Sørensen</dc:creator>
  <cp:lastModifiedBy>Søren Godbersen</cp:lastModifiedBy>
  <cp:revision>46</cp:revision>
  <dcterms:created xsi:type="dcterms:W3CDTF">2024-04-08T14:28:58Z</dcterms:created>
  <dcterms:modified xsi:type="dcterms:W3CDTF">2024-05-30T07:01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12-21T10:18:41</vt:lpwstr>
  </property>
  <property fmtid="{D5CDD505-2E9C-101B-9397-08002B2CF9AE}" pid="3" name="TemplafyTenantId">
    <vt:lpwstr>inspari</vt:lpwstr>
  </property>
  <property fmtid="{D5CDD505-2E9C-101B-9397-08002B2CF9AE}" pid="4" name="TemplafyTemplateId">
    <vt:lpwstr>804831517125902370</vt:lpwstr>
  </property>
  <property fmtid="{D5CDD505-2E9C-101B-9397-08002B2CF9AE}" pid="5" name="TemplafyUserProfileId">
    <vt:lpwstr>637829425208940764</vt:lpwstr>
  </property>
  <property fmtid="{D5CDD505-2E9C-101B-9397-08002B2CF9AE}" pid="6" name="TemplafyFromBlank">
    <vt:bool>true</vt:bool>
  </property>
</Properties>
</file>